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386\02_group\02_保育・待機児童対策グループ\03 私設保育施設\複数年度使用\運営の手引き\運営の手引きR3年度\06_施行\HP様式等\"/>
    </mc:Choice>
  </mc:AlternateContent>
  <bookViews>
    <workbookView xWindow="-12" yWindow="3540" windowWidth="20520" windowHeight="3468" tabRatio="793"/>
  </bookViews>
  <sheets>
    <sheet name="5 報告徴収（施設型） (新)" sheetId="94" r:id="rId1"/>
  </sheets>
  <definedNames>
    <definedName name="_xlnm.Print_Area" localSheetId="0">'5 報告徴収（施設型） (新)'!$A$1:$BN$350</definedName>
  </definedNames>
  <calcPr calcId="152511"/>
</workbook>
</file>

<file path=xl/sharedStrings.xml><?xml version="1.0" encoding="utf-8"?>
<sst xmlns="http://schemas.openxmlformats.org/spreadsheetml/2006/main" count="989" uniqueCount="506">
  <si>
    <t>・</t>
    <phoneticPr fontId="1"/>
  </si>
  <si>
    <t>分</t>
    <rPh sb="0" eb="1">
      <t>フン</t>
    </rPh>
    <phoneticPr fontId="1"/>
  </si>
  <si>
    <t>常勤</t>
    <rPh sb="0" eb="2">
      <t>ジョウキン</t>
    </rPh>
    <phoneticPr fontId="1"/>
  </si>
  <si>
    <t>建物の構造</t>
    <rPh sb="0" eb="2">
      <t>タテモノ</t>
    </rPh>
    <rPh sb="3" eb="5">
      <t>コウゾウ</t>
    </rPh>
    <phoneticPr fontId="1"/>
  </si>
  <si>
    <t>年</t>
    <rPh sb="0" eb="1">
      <t>ネン</t>
    </rPh>
    <phoneticPr fontId="1"/>
  </si>
  <si>
    <t>月</t>
    <rPh sb="0" eb="1">
      <t>ツキ</t>
    </rPh>
    <phoneticPr fontId="1"/>
  </si>
  <si>
    <t>日現在</t>
    <rPh sb="0" eb="1">
      <t>ニチ</t>
    </rPh>
    <rPh sb="1" eb="3">
      <t>ゲンザイ</t>
    </rPh>
    <phoneticPr fontId="1"/>
  </si>
  <si>
    <t>　①事業所の名称</t>
    <phoneticPr fontId="1"/>
  </si>
  <si>
    <t>①</t>
    <phoneticPr fontId="1"/>
  </si>
  <si>
    <t>②</t>
    <phoneticPr fontId="1"/>
  </si>
  <si>
    <t>最寄り駅</t>
    <rPh sb="0" eb="2">
      <t>モヨ</t>
    </rPh>
    <rPh sb="3" eb="4">
      <t>エキ</t>
    </rPh>
    <phoneticPr fontId="1"/>
  </si>
  <si>
    <t>線</t>
    <rPh sb="0" eb="1">
      <t>セン</t>
    </rPh>
    <phoneticPr fontId="1"/>
  </si>
  <si>
    <t>徒歩</t>
    <rPh sb="0" eb="2">
      <t>トホ</t>
    </rPh>
    <phoneticPr fontId="1"/>
  </si>
  <si>
    <t>駅</t>
    <rPh sb="0" eb="1">
      <t>エキ</t>
    </rPh>
    <phoneticPr fontId="1"/>
  </si>
  <si>
    <t>設置者名</t>
    <rPh sb="3" eb="4">
      <t>メイ</t>
    </rPh>
    <phoneticPr fontId="1"/>
  </si>
  <si>
    <t>（氏名）</t>
    <rPh sb="1" eb="3">
      <t>シメイ</t>
    </rPh>
    <phoneticPr fontId="1"/>
  </si>
  <si>
    <t>（職名）</t>
    <rPh sb="1" eb="3">
      <t>ショクメイ</t>
    </rPh>
    <phoneticPr fontId="1"/>
  </si>
  <si>
    <t>日</t>
    <rPh sb="0" eb="1">
      <t>ニチ</t>
    </rPh>
    <phoneticPr fontId="1"/>
  </si>
  <si>
    <t>有</t>
    <rPh sb="0" eb="1">
      <t>ア</t>
    </rPh>
    <phoneticPr fontId="1"/>
  </si>
  <si>
    <t>か所</t>
    <rPh sb="1" eb="2">
      <t>ショ</t>
    </rPh>
    <phoneticPr fontId="1"/>
  </si>
  <si>
    <t>〔直営店・ＦＣ〕</t>
    <rPh sb="1" eb="4">
      <t>チョクエイテン</t>
    </rPh>
    <phoneticPr fontId="1"/>
  </si>
  <si>
    <t>うち都道府県内</t>
    <rPh sb="2" eb="6">
      <t>トドウフケン</t>
    </rPh>
    <rPh sb="6" eb="7">
      <t>ナイ</t>
    </rPh>
    <phoneticPr fontId="1"/>
  </si>
  <si>
    <t>無</t>
    <rPh sb="0" eb="1">
      <t>ナ</t>
    </rPh>
    <phoneticPr fontId="1"/>
  </si>
  <si>
    <t>）</t>
    <phoneticPr fontId="1"/>
  </si>
  <si>
    <t>平　日</t>
    <rPh sb="0" eb="1">
      <t>ヒラ</t>
    </rPh>
    <rPh sb="2" eb="3">
      <t>ヒ</t>
    </rPh>
    <phoneticPr fontId="1"/>
  </si>
  <si>
    <t>土曜日</t>
    <rPh sb="0" eb="3">
      <t>ドヨウビ</t>
    </rPh>
    <phoneticPr fontId="1"/>
  </si>
  <si>
    <t>日・祝祭日</t>
    <rPh sb="0" eb="1">
      <t>ニチ</t>
    </rPh>
    <rPh sb="2" eb="5">
      <t>シュクサイジツ</t>
    </rPh>
    <phoneticPr fontId="1"/>
  </si>
  <si>
    <t>：</t>
    <phoneticPr fontId="1"/>
  </si>
  <si>
    <t>～</t>
    <phoneticPr fontId="1"/>
  </si>
  <si>
    <t>備　考</t>
    <rPh sb="0" eb="1">
      <t>ビ</t>
    </rPh>
    <rPh sb="2" eb="3">
      <t>コウ</t>
    </rPh>
    <phoneticPr fontId="1"/>
  </si>
  <si>
    <t>提供する
　サービス内容</t>
    <rPh sb="0" eb="2">
      <t>テイキョウ</t>
    </rPh>
    <rPh sb="10" eb="12">
      <t>ナイヨウ</t>
    </rPh>
    <phoneticPr fontId="1"/>
  </si>
  <si>
    <t>一時預かり</t>
    <rPh sb="0" eb="2">
      <t>イチジ</t>
    </rPh>
    <rPh sb="2" eb="3">
      <t>アズ</t>
    </rPh>
    <phoneticPr fontId="1"/>
  </si>
  <si>
    <t>夜間保育</t>
    <rPh sb="0" eb="2">
      <t>ヤカン</t>
    </rPh>
    <rPh sb="2" eb="4">
      <t>ホイク</t>
    </rPh>
    <phoneticPr fontId="1"/>
  </si>
  <si>
    <t>24時間保育</t>
    <rPh sb="2" eb="4">
      <t>ジカン</t>
    </rPh>
    <rPh sb="4" eb="6">
      <t>ホイク</t>
    </rPh>
    <phoneticPr fontId="1"/>
  </si>
  <si>
    <t>（</t>
    <phoneticPr fontId="1"/>
  </si>
  <si>
    <t>〃</t>
    <phoneticPr fontId="1"/>
  </si>
  <si>
    <t>歳</t>
    <rPh sb="0" eb="1">
      <t>サイ</t>
    </rPh>
    <phoneticPr fontId="1"/>
  </si>
  <si>
    <t>※1）</t>
    <phoneticPr fontId="1"/>
  </si>
  <si>
    <t>※2）</t>
    <phoneticPr fontId="1"/>
  </si>
  <si>
    <t>サービスの内容は、「記載上の注意」により分類すること。</t>
    <rPh sb="5" eb="7">
      <t>ナイヨウ</t>
    </rPh>
    <rPh sb="10" eb="12">
      <t>キサイ</t>
    </rPh>
    <rPh sb="12" eb="13">
      <t>ジョウ</t>
    </rPh>
    <rPh sb="14" eb="16">
      <t>チュウイ</t>
    </rPh>
    <rPh sb="20" eb="22">
      <t>ブンルイ</t>
    </rPh>
    <phoneticPr fontId="1"/>
  </si>
  <si>
    <t>円</t>
    <rPh sb="0" eb="1">
      <t>エン</t>
    </rPh>
    <phoneticPr fontId="1"/>
  </si>
  <si>
    <t>月極額</t>
    <rPh sb="0" eb="2">
      <t>ツキギメ</t>
    </rPh>
    <rPh sb="2" eb="3">
      <t>ガク</t>
    </rPh>
    <phoneticPr fontId="1"/>
  </si>
  <si>
    <t>（月）</t>
    <rPh sb="1" eb="2">
      <t>ツキ</t>
    </rPh>
    <phoneticPr fontId="1"/>
  </si>
  <si>
    <t>定期契約</t>
    <rPh sb="0" eb="2">
      <t>テイキ</t>
    </rPh>
    <rPh sb="2" eb="4">
      <t>ケイヤク</t>
    </rPh>
    <phoneticPr fontId="1"/>
  </si>
  <si>
    <t>単位（時間）</t>
    <rPh sb="0" eb="2">
      <t>タンイ</t>
    </rPh>
    <rPh sb="3" eb="5">
      <t>ジカン</t>
    </rPh>
    <phoneticPr fontId="1"/>
  </si>
  <si>
    <t>単位（　　）</t>
    <rPh sb="0" eb="2">
      <t>タンイ</t>
    </rPh>
    <phoneticPr fontId="1"/>
  </si>
  <si>
    <t>・食事代</t>
    <rPh sb="1" eb="4">
      <t>ショクジダイ</t>
    </rPh>
    <phoneticPr fontId="1"/>
  </si>
  <si>
    <t>・入会金</t>
    <rPh sb="1" eb="4">
      <t>ニュウカイキン</t>
    </rPh>
    <phoneticPr fontId="1"/>
  </si>
  <si>
    <t>・キャンセル料</t>
    <rPh sb="6" eb="7">
      <t>リョウ</t>
    </rPh>
    <phoneticPr fontId="1"/>
  </si>
  <si>
    <t>その他</t>
    <rPh sb="2" eb="3">
      <t>タ</t>
    </rPh>
    <phoneticPr fontId="1"/>
  </si>
  <si>
    <t>（対象年齢</t>
    <phoneticPr fontId="1"/>
  </si>
  <si>
    <t>歳）</t>
    <rPh sb="0" eb="1">
      <t>サイ</t>
    </rPh>
    <phoneticPr fontId="1"/>
  </si>
  <si>
    <t>０歳児</t>
    <rPh sb="1" eb="3">
      <t>サイジ</t>
    </rPh>
    <phoneticPr fontId="1"/>
  </si>
  <si>
    <t>１歳児</t>
    <rPh sb="1" eb="3">
      <t>サイジ</t>
    </rPh>
    <phoneticPr fontId="1"/>
  </si>
  <si>
    <t>２歳児</t>
    <rPh sb="1" eb="3">
      <t>サイジ</t>
    </rPh>
    <phoneticPr fontId="1"/>
  </si>
  <si>
    <t>３歳児</t>
    <rPh sb="1" eb="3">
      <t>サイジ</t>
    </rPh>
    <phoneticPr fontId="1"/>
  </si>
  <si>
    <t>計</t>
    <rPh sb="0" eb="1">
      <t>ケイ</t>
    </rPh>
    <phoneticPr fontId="1"/>
  </si>
  <si>
    <t>学童</t>
    <rPh sb="0" eb="2">
      <t>ガクドウ</t>
    </rPh>
    <phoneticPr fontId="1"/>
  </si>
  <si>
    <t>未加入</t>
    <rPh sb="0" eb="3">
      <t>ミカニュウ</t>
    </rPh>
    <phoneticPr fontId="1"/>
  </si>
  <si>
    <t>加　入</t>
    <rPh sb="0" eb="1">
      <t>カ</t>
    </rPh>
    <rPh sb="2" eb="3">
      <t>イ</t>
    </rPh>
    <phoneticPr fontId="1"/>
  </si>
  <si>
    <t>※上記料金の記載に当たり、当様式により難い場合は、利用形態別・年齢別料金がわかる書類を添付すること。</t>
    <phoneticPr fontId="1"/>
  </si>
  <si>
    <t>※保険契約書
　別添</t>
    <rPh sb="1" eb="3">
      <t>ホケン</t>
    </rPh>
    <rPh sb="3" eb="5">
      <t>ケイヤク</t>
    </rPh>
    <rPh sb="5" eb="6">
      <t>ショ</t>
    </rPh>
    <rPh sb="8" eb="10">
      <t>ベッテン</t>
    </rPh>
    <phoneticPr fontId="1"/>
  </si>
  <si>
    <t>保険の種類</t>
    <rPh sb="0" eb="2">
      <t>ホケン</t>
    </rPh>
    <rPh sb="3" eb="5">
      <t>シュルイ</t>
    </rPh>
    <phoneticPr fontId="1"/>
  </si>
  <si>
    <t>保 険 事 故
（内　容）</t>
    <rPh sb="0" eb="1">
      <t>タモツ</t>
    </rPh>
    <rPh sb="2" eb="3">
      <t>ケン</t>
    </rPh>
    <rPh sb="4" eb="5">
      <t>コト</t>
    </rPh>
    <rPh sb="6" eb="7">
      <t>コ</t>
    </rPh>
    <rPh sb="9" eb="10">
      <t>ウチ</t>
    </rPh>
    <rPh sb="11" eb="12">
      <t>カタチ</t>
    </rPh>
    <phoneticPr fontId="1"/>
  </si>
  <si>
    <t>保 険 金 額</t>
    <rPh sb="0" eb="1">
      <t>タモツ</t>
    </rPh>
    <rPh sb="2" eb="3">
      <t>ケン</t>
    </rPh>
    <rPh sb="4" eb="5">
      <t>キン</t>
    </rPh>
    <rPh sb="6" eb="7">
      <t>ガク</t>
    </rPh>
    <phoneticPr fontId="1"/>
  </si>
  <si>
    <t>賠償責任保険・傷害保険・その他（　　　　　　　　　　　）</t>
    <phoneticPr fontId="1"/>
  </si>
  <si>
    <t>提携内容</t>
    <rPh sb="0" eb="2">
      <t>テイケイ</t>
    </rPh>
    <rPh sb="2" eb="4">
      <t>ナイヨウ</t>
    </rPh>
    <phoneticPr fontId="1"/>
  </si>
  <si>
    <t>電話番号</t>
    <rPh sb="0" eb="2">
      <t>デンワ</t>
    </rPh>
    <rPh sb="2" eb="4">
      <t>バンゴウ</t>
    </rPh>
    <phoneticPr fontId="1"/>
  </si>
  <si>
    <t>機 関 名</t>
    <rPh sb="0" eb="1">
      <t>キ</t>
    </rPh>
    <rPh sb="2" eb="3">
      <t>セキ</t>
    </rPh>
    <rPh sb="4" eb="5">
      <t>メイ</t>
    </rPh>
    <phoneticPr fontId="1"/>
  </si>
  <si>
    <t>所 在 地</t>
    <rPh sb="0" eb="1">
      <t>ショ</t>
    </rPh>
    <rPh sb="2" eb="3">
      <t>ザイ</t>
    </rPh>
    <rPh sb="4" eb="5">
      <t>チ</t>
    </rPh>
    <phoneticPr fontId="1"/>
  </si>
  <si>
    <t>日現在）</t>
    <rPh sb="0" eb="1">
      <t>ニチ</t>
    </rPh>
    <rPh sb="1" eb="3">
      <t>ゲンザイ</t>
    </rPh>
    <phoneticPr fontId="1"/>
  </si>
  <si>
    <t>人</t>
    <rPh sb="0" eb="1">
      <t>ヒト</t>
    </rPh>
    <phoneticPr fontId="1"/>
  </si>
  <si>
    <t>記載上の注意</t>
    <phoneticPr fontId="1"/>
  </si>
  <si>
    <t>　設置者が法人、民間会社、任意団体等の場合は、その代表者の氏名及び職名を記入してください。</t>
    <phoneticPr fontId="1"/>
  </si>
  <si>
    <t>＜月極契約＞</t>
    <phoneticPr fontId="1"/>
  </si>
  <si>
    <t>＜定期契約＞</t>
    <phoneticPr fontId="1"/>
  </si>
  <si>
    <t>＜一時預かり＞</t>
    <phoneticPr fontId="1"/>
  </si>
  <si>
    <t>＜夜間保育＞</t>
    <phoneticPr fontId="1"/>
  </si>
  <si>
    <t>　午後８時を越えて保育を実施し、宿泊を伴わない保育サービスを提供するもの。</t>
    <phoneticPr fontId="1"/>
  </si>
  <si>
    <t>　提携医療機関については、具体的な提携内容を記入してください。</t>
    <phoneticPr fontId="1"/>
  </si>
  <si>
    <t>０歳児の場合は、月齢まで記入すること。</t>
    <rPh sb="1" eb="3">
      <t>サイジ</t>
    </rPh>
    <rPh sb="4" eb="6">
      <t>バアイ</t>
    </rPh>
    <rPh sb="8" eb="10">
      <t>ゲツレイ</t>
    </rPh>
    <rPh sb="12" eb="14">
      <t>キニュウ</t>
    </rPh>
    <phoneticPr fontId="1"/>
  </si>
  <si>
    <t>子どもの預かりサービスのマッチングサイトのＵＲＬ</t>
    <rPh sb="0" eb="1">
      <t>コ</t>
    </rPh>
    <rPh sb="4" eb="5">
      <t>アズ</t>
    </rPh>
    <phoneticPr fontId="1"/>
  </si>
  <si>
    <t>施設の名称</t>
    <rPh sb="0" eb="2">
      <t>シセツ</t>
    </rPh>
    <phoneticPr fontId="1"/>
  </si>
  <si>
    <t>施設の所在地</t>
    <rPh sb="0" eb="2">
      <t>シセツ</t>
    </rPh>
    <phoneticPr fontId="1"/>
  </si>
  <si>
    <t>系列施設</t>
    <rPh sb="2" eb="4">
      <t>シセツ</t>
    </rPh>
    <phoneticPr fontId="1"/>
  </si>
  <si>
    <t>（系列施設数</t>
    <rPh sb="1" eb="3">
      <t>ケイレツ</t>
    </rPh>
    <rPh sb="3" eb="5">
      <t>シセツ</t>
    </rPh>
    <rPh sb="5" eb="6">
      <t>スウ</t>
    </rPh>
    <phoneticPr fontId="1"/>
  </si>
  <si>
    <t>室　名</t>
    <rPh sb="0" eb="1">
      <t>シツ</t>
    </rPh>
    <rPh sb="2" eb="3">
      <t>メイ</t>
    </rPh>
    <phoneticPr fontId="1"/>
  </si>
  <si>
    <t>調理室</t>
    <rPh sb="0" eb="3">
      <t>チョウリシツ</t>
    </rPh>
    <phoneticPr fontId="1"/>
  </si>
  <si>
    <t>便　所</t>
    <rPh sb="0" eb="1">
      <t>ビン</t>
    </rPh>
    <rPh sb="2" eb="3">
      <t>ショ</t>
    </rPh>
    <phoneticPr fontId="1"/>
  </si>
  <si>
    <t>室　数</t>
    <rPh sb="0" eb="1">
      <t>シツ</t>
    </rPh>
    <rPh sb="2" eb="3">
      <t>スウ</t>
    </rPh>
    <phoneticPr fontId="1"/>
  </si>
  <si>
    <t>面　積</t>
    <rPh sb="0" eb="1">
      <t>メン</t>
    </rPh>
    <rPh sb="2" eb="3">
      <t>セキ</t>
    </rPh>
    <phoneticPr fontId="1"/>
  </si>
  <si>
    <t>室</t>
    <rPh sb="0" eb="1">
      <t>シツ</t>
    </rPh>
    <phoneticPr fontId="1"/>
  </si>
  <si>
    <t>㎡</t>
    <phoneticPr fontId="1"/>
  </si>
  <si>
    <t>便器</t>
    <rPh sb="0" eb="2">
      <t>ベンキ</t>
    </rPh>
    <phoneticPr fontId="1"/>
  </si>
  <si>
    <t>個</t>
    <rPh sb="0" eb="1">
      <t>コ</t>
    </rPh>
    <phoneticPr fontId="1"/>
  </si>
  <si>
    <t>木　造　　その他（                  ）</t>
    <phoneticPr fontId="1"/>
  </si>
  <si>
    <t>鉄骨造　　鉄筋コンクリート造　　れん瓦造</t>
    <phoneticPr fontId="1"/>
  </si>
  <si>
    <t>階</t>
    <rPh sb="0" eb="1">
      <t>カイ</t>
    </rPh>
    <phoneticPr fontId="1"/>
  </si>
  <si>
    <t>建物の</t>
    <rPh sb="0" eb="2">
      <t>タテモノ</t>
    </rPh>
    <phoneticPr fontId="1"/>
  </si>
  <si>
    <t>建物の形態</t>
    <rPh sb="0" eb="2">
      <t>タテモノ</t>
    </rPh>
    <rPh sb="3" eb="5">
      <t>ケイタイ</t>
    </rPh>
    <phoneticPr fontId="1"/>
  </si>
  <si>
    <t>専用建物　集合住宅　事務所ビル  業務用ビル  その他（　　　　　）</t>
    <phoneticPr fontId="1"/>
  </si>
  <si>
    <t>開所時間</t>
    <rPh sb="0" eb="4">
      <t>カイショジカン</t>
    </rPh>
    <phoneticPr fontId="1"/>
  </si>
  <si>
    <t>通常開所時間</t>
    <rPh sb="0" eb="2">
      <t>ツウジョウ</t>
    </rPh>
    <rPh sb="2" eb="4">
      <t>カイショ</t>
    </rPh>
    <rPh sb="4" eb="6">
      <t>ジカン</t>
    </rPh>
    <phoneticPr fontId="1"/>
  </si>
  <si>
    <t>時間外開所時間</t>
    <rPh sb="0" eb="3">
      <t>ジカンガイ</t>
    </rPh>
    <rPh sb="3" eb="5">
      <t>カイショ</t>
    </rPh>
    <rPh sb="5" eb="7">
      <t>ジカン</t>
    </rPh>
    <phoneticPr fontId="1"/>
  </si>
  <si>
    <t>午後10時～午前２時までにお迎え</t>
    <rPh sb="0" eb="2">
      <t>ゴゴ</t>
    </rPh>
    <rPh sb="4" eb="5">
      <t>ジ</t>
    </rPh>
    <rPh sb="6" eb="8">
      <t>ゴゼン</t>
    </rPh>
    <rPh sb="9" eb="10">
      <t>ジ</t>
    </rPh>
    <rPh sb="14" eb="15">
      <t>ムカ</t>
    </rPh>
    <phoneticPr fontId="1"/>
  </si>
  <si>
    <t>24時間</t>
    <rPh sb="2" eb="4">
      <t>ジカン</t>
    </rPh>
    <phoneticPr fontId="1"/>
  </si>
  <si>
    <t>昼　間</t>
    <rPh sb="0" eb="1">
      <t>ヒル</t>
    </rPh>
    <rPh sb="2" eb="3">
      <t>アイダ</t>
    </rPh>
    <phoneticPr fontId="1"/>
  </si>
  <si>
    <t>夜　間</t>
    <rPh sb="0" eb="1">
      <t>ヨル</t>
    </rPh>
    <rPh sb="2" eb="3">
      <t>アイダ</t>
    </rPh>
    <phoneticPr fontId="1"/>
  </si>
  <si>
    <t>深　夜</t>
    <rPh sb="0" eb="1">
      <t>フカシ</t>
    </rPh>
    <rPh sb="2" eb="3">
      <t>ヨル</t>
    </rPh>
    <phoneticPr fontId="1"/>
  </si>
  <si>
    <t>宿　泊</t>
    <rPh sb="0" eb="1">
      <t>ヤド</t>
    </rPh>
    <rPh sb="2" eb="3">
      <t>ハク</t>
    </rPh>
    <phoneticPr fontId="1"/>
  </si>
  <si>
    <t>午後８時までにお迎え</t>
    <rPh sb="0" eb="2">
      <t>ゴゴ</t>
    </rPh>
    <rPh sb="3" eb="4">
      <t>ジ</t>
    </rPh>
    <rPh sb="8" eb="9">
      <t>ムカ</t>
    </rPh>
    <phoneticPr fontId="1"/>
  </si>
  <si>
    <t>午後10時までにお迎え</t>
    <rPh sb="0" eb="2">
      <t>ゴゴ</t>
    </rPh>
    <rPh sb="4" eb="5">
      <t>ジ</t>
    </rPh>
    <rPh sb="9" eb="10">
      <t>ムカ</t>
    </rPh>
    <phoneticPr fontId="1"/>
  </si>
  <si>
    <t>午前２時～翌朝にお迎え</t>
    <rPh sb="0" eb="2">
      <t>ゴゼン</t>
    </rPh>
    <rPh sb="3" eb="4">
      <t>ジ</t>
    </rPh>
    <rPh sb="5" eb="7">
      <t>ヨクアサ</t>
    </rPh>
    <rPh sb="9" eb="10">
      <t>ムカ</t>
    </rPh>
    <phoneticPr fontId="1"/>
  </si>
  <si>
    <t>24時間お迎えなし</t>
    <rPh sb="2" eb="4">
      <t>ジカン</t>
    </rPh>
    <rPh sb="5" eb="6">
      <t>ムカ</t>
    </rPh>
    <phoneticPr fontId="1"/>
  </si>
  <si>
    <t>※（　）内には、一時預かり児童数を再掲すること。</t>
    <phoneticPr fontId="1"/>
  </si>
  <si>
    <t>＊</t>
    <phoneticPr fontId="1"/>
  </si>
  <si>
    <t xml:space="preserve"> 各サービスの定義は以下のとおりであり、貴施設において提供しているサービス全てを○で囲み（該当するものが無い場合は（　）内に記載し）、受入可能な児童の年齢（０歳児については月齢まで）について記入してください。</t>
    <rPh sb="21" eb="23">
      <t>シセツ</t>
    </rPh>
    <phoneticPr fontId="1"/>
  </si>
  <si>
    <t>　入所児童の保護者と月単位で保育日や保育時間を定めて契約し、月を通して継続的に保育サービスを提供するもの。</t>
    <rPh sb="1" eb="3">
      <t>ニュウショ</t>
    </rPh>
    <phoneticPr fontId="1"/>
  </si>
  <si>
    <t>　入所児童の保護者と日単位又は時間単位で定期的に契約し、継続的に保育サービスを提供するもの。（月極契約を除く。）</t>
    <rPh sb="1" eb="3">
      <t>ニュウショ</t>
    </rPh>
    <phoneticPr fontId="1"/>
  </si>
  <si>
    <t>　入所児童の保護者と日単位又は時間単位で不定期に契約し、保育サービスを提供するもの。</t>
    <rPh sb="1" eb="3">
      <t>ニュウショ</t>
    </rPh>
    <phoneticPr fontId="1"/>
  </si>
  <si>
    <t xml:space="preserve">  保険加入状況については、入所児童に関する保険に限定し、施設設備に対する火災保険等は含めないでください。なお、保険会社との契約書類を添付してください。</t>
    <rPh sb="14" eb="16">
      <t>ニュウショ</t>
    </rPh>
    <rPh sb="29" eb="31">
      <t>シセツ</t>
    </rPh>
    <phoneticPr fontId="1"/>
  </si>
  <si>
    <t>　管理者名は、施設長等貴施設における保育の実施責任者の氏名及び職名を記入してください。</t>
    <rPh sb="7" eb="9">
      <t>シセツ</t>
    </rPh>
    <rPh sb="12" eb="14">
      <t>シセツ</t>
    </rPh>
    <rPh sb="18" eb="20">
      <t>ホイク</t>
    </rPh>
    <rPh sb="21" eb="23">
      <t>ジッシ</t>
    </rPh>
    <phoneticPr fontId="1"/>
  </si>
  <si>
    <t>7:00～8:59</t>
    <phoneticPr fontId="1"/>
  </si>
  <si>
    <t>9:00～16:59</t>
    <phoneticPr fontId="1"/>
  </si>
  <si>
    <t>17:00～17:59</t>
    <phoneticPr fontId="1"/>
  </si>
  <si>
    <t>18:00～18:59</t>
    <phoneticPr fontId="1"/>
  </si>
  <si>
    <t>19:00～19:59</t>
    <phoneticPr fontId="1"/>
  </si>
  <si>
    <t>20:00～21:59</t>
    <phoneticPr fontId="1"/>
  </si>
  <si>
    <t>22:00～23:59</t>
    <phoneticPr fontId="1"/>
  </si>
  <si>
    <t>0:00～6:59</t>
    <phoneticPr fontId="1"/>
  </si>
  <si>
    <t xml:space="preserve"> 参加（研修名等：</t>
    <rPh sb="1" eb="3">
      <t>サンカ</t>
    </rPh>
    <rPh sb="4" eb="6">
      <t>ケンシュウ</t>
    </rPh>
    <rPh sb="6" eb="8">
      <t>メイトウ</t>
    </rPh>
    <phoneticPr fontId="1"/>
  </si>
  <si>
    <t>参加者数</t>
    <rPh sb="0" eb="4">
      <t>サンカシャスウ</t>
    </rPh>
    <phoneticPr fontId="1"/>
  </si>
  <si>
    <t>無</t>
    <rPh sb="0" eb="1">
      <t>ム</t>
    </rPh>
    <phoneticPr fontId="1"/>
  </si>
  <si>
    <t>名）</t>
    <rPh sb="0" eb="1">
      <t>メイ</t>
    </rPh>
    <phoneticPr fontId="1"/>
  </si>
  <si>
    <t xml:space="preserve"> 　　（研修名等：</t>
    <rPh sb="4" eb="6">
      <t>ケンシュウ</t>
    </rPh>
    <rPh sb="6" eb="8">
      <t>メイトウ</t>
    </rPh>
    <phoneticPr fontId="1"/>
  </si>
  <si>
    <t>実施</t>
    <rPh sb="0" eb="2">
      <t>ジッシ</t>
    </rPh>
    <phoneticPr fontId="1"/>
  </si>
  <si>
    <t>未実施</t>
    <rPh sb="0" eb="3">
      <t>ミジッシ</t>
    </rPh>
    <phoneticPr fontId="1"/>
  </si>
  <si>
    <t>適</t>
    <rPh sb="0" eb="1">
      <t>テキ</t>
    </rPh>
    <phoneticPr fontId="1"/>
  </si>
  <si>
    <t>不適</t>
    <rPh sb="0" eb="2">
      <t>フテキ</t>
    </rPh>
    <phoneticPr fontId="1"/>
  </si>
  <si>
    <t>乳児室の区画</t>
    <rPh sb="0" eb="2">
      <t>ニュウジ</t>
    </rPh>
    <rPh sb="2" eb="3">
      <t>シツ</t>
    </rPh>
    <rPh sb="4" eb="6">
      <t>クカク</t>
    </rPh>
    <phoneticPr fontId="1"/>
  </si>
  <si>
    <t xml:space="preserve">有 ( 専用室   フェンス    ベビーベッド    他         )  </t>
    <phoneticPr fontId="1"/>
  </si>
  <si>
    <t>保育室の採光･換気</t>
    <rPh sb="0" eb="3">
      <t>ホイクシツ</t>
    </rPh>
    <rPh sb="4" eb="6">
      <t>サイコウ</t>
    </rPh>
    <rPh sb="7" eb="9">
      <t>カンキ</t>
    </rPh>
    <phoneticPr fontId="1"/>
  </si>
  <si>
    <t>窓等採光( 良い  普通   悪い ) ・ 窓等換気( 良い  普通   悪い )</t>
    <phoneticPr fontId="1"/>
  </si>
  <si>
    <t>便所の設備</t>
    <rPh sb="0" eb="2">
      <t>ベンジョ</t>
    </rPh>
    <rPh sb="3" eb="5">
      <t>セツビ</t>
    </rPh>
    <phoneticPr fontId="1"/>
  </si>
  <si>
    <t>保育室との仕切( 有 無 )・調理室との仕切( 有 無 )・専用手洗い( 有 無 )</t>
    <phoneticPr fontId="1"/>
  </si>
  <si>
    <t>消火用具の設置</t>
    <rPh sb="0" eb="2">
      <t>ショウカ</t>
    </rPh>
    <rPh sb="2" eb="4">
      <t>ヨウグ</t>
    </rPh>
    <rPh sb="5" eb="7">
      <t>セッチ</t>
    </rPh>
    <phoneticPr fontId="1"/>
  </si>
  <si>
    <t>有 ( 消火器　　　他：　　　　　　　　　　 　　　　　　）</t>
    <phoneticPr fontId="1"/>
  </si>
  <si>
    <t>玄関以外の非常口</t>
    <rPh sb="0" eb="2">
      <t>ゲンカン</t>
    </rPh>
    <rPh sb="2" eb="4">
      <t>イガイ</t>
    </rPh>
    <rPh sb="5" eb="7">
      <t>ヒジョウ</t>
    </rPh>
    <rPh sb="7" eb="8">
      <t>グチ</t>
    </rPh>
    <phoneticPr fontId="1"/>
  </si>
  <si>
    <t>消防計画</t>
    <rPh sb="0" eb="2">
      <t>ショウボウ</t>
    </rPh>
    <rPh sb="2" eb="4">
      <t>ケイカク</t>
    </rPh>
    <phoneticPr fontId="1"/>
  </si>
  <si>
    <t>実施 ( 実施回数     回／年  ・うち､図上訓練      回／年 )</t>
    <phoneticPr fontId="1"/>
  </si>
  <si>
    <t>保育室が２階にある</t>
    <phoneticPr fontId="1"/>
  </si>
  <si>
    <t>階段等設備</t>
    <phoneticPr fontId="1"/>
  </si>
  <si>
    <t>耐火構造の建物</t>
    <phoneticPr fontId="1"/>
  </si>
  <si>
    <t>（ 鉄筋コンクリート   レンガ   石  ）</t>
    <phoneticPr fontId="1"/>
  </si>
  <si>
    <t>転落防止設備</t>
    <phoneticPr fontId="1"/>
  </si>
  <si>
    <t>（ 窓柵   階段手すり  テラス手すり ）</t>
    <phoneticPr fontId="1"/>
  </si>
  <si>
    <t>屋内階段</t>
    <phoneticPr fontId="1"/>
  </si>
  <si>
    <t>②</t>
    <phoneticPr fontId="1"/>
  </si>
  <si>
    <t>③</t>
    <phoneticPr fontId="1"/>
  </si>
  <si>
    <t>屋外階段</t>
    <rPh sb="0" eb="2">
      <t>オクガイ</t>
    </rPh>
    <rPh sb="2" eb="4">
      <t>カイダン</t>
    </rPh>
    <phoneticPr fontId="1"/>
  </si>
  <si>
    <t>屋内避難階段</t>
    <rPh sb="0" eb="2">
      <t>オクナイ</t>
    </rPh>
    <rPh sb="2" eb="4">
      <t>ヒナン</t>
    </rPh>
    <rPh sb="4" eb="6">
      <t>カイダン</t>
    </rPh>
    <phoneticPr fontId="1"/>
  </si>
  <si>
    <t>バルコニー</t>
    <phoneticPr fontId="1"/>
  </si>
  <si>
    <t>傾斜路等</t>
    <rPh sb="0" eb="3">
      <t>ケイシャロ</t>
    </rPh>
    <rPh sb="3" eb="4">
      <t>トウ</t>
    </rPh>
    <phoneticPr fontId="1"/>
  </si>
  <si>
    <t>④</t>
    <phoneticPr fontId="1"/>
  </si>
  <si>
    <t>保育室が３階以上にある</t>
    <rPh sb="6" eb="8">
      <t>イジョウ</t>
    </rPh>
    <phoneticPr fontId="1"/>
  </si>
  <si>
    <t>屋内避難階段</t>
    <rPh sb="2" eb="4">
      <t>ヒナン</t>
    </rPh>
    <phoneticPr fontId="1"/>
  </si>
  <si>
    <t>調理室の防火区画</t>
    <phoneticPr fontId="1"/>
  </si>
  <si>
    <t>①スプリンクラー設備</t>
    <phoneticPr fontId="1"/>
  </si>
  <si>
    <t>②自動消火設備かつ延焼防止措置</t>
    <phoneticPr fontId="1"/>
  </si>
  <si>
    <t>のいずれか１つが設けられている。</t>
    <phoneticPr fontId="1"/>
  </si>
  <si>
    <t>非常警報器具または非常警報設備</t>
    <phoneticPr fontId="1"/>
  </si>
  <si>
    <t>カーテン、敷物、建具等の防炎処理</t>
    <phoneticPr fontId="1"/>
  </si>
  <si>
    <t>保育室の壁・天井が不燃材料仕上げ</t>
    <phoneticPr fontId="1"/>
  </si>
  <si>
    <t>保育計画の策定</t>
    <rPh sb="0" eb="2">
      <t>ホイク</t>
    </rPh>
    <rPh sb="2" eb="4">
      <t>ケイカク</t>
    </rPh>
    <rPh sb="5" eb="7">
      <t>サクテイ</t>
    </rPh>
    <phoneticPr fontId="1"/>
  </si>
  <si>
    <t>有　（年間・月案・週案・デイリープログラム・行事予定・保育目標）</t>
    <phoneticPr fontId="1"/>
  </si>
  <si>
    <t>有 (週   回)</t>
    <phoneticPr fontId="1"/>
  </si>
  <si>
    <t>入浴   清拭</t>
    <phoneticPr fontId="1"/>
  </si>
  <si>
    <t>24時間保育で､３日以上継続して在園する児童の入浴、汚れたときなどの対処</t>
    <phoneticPr fontId="1"/>
  </si>
  <si>
    <t>入浴等を必要とする児童の取り扱い</t>
    <phoneticPr fontId="1"/>
  </si>
  <si>
    <t>外遊び、外気浴の実施</t>
    <rPh sb="0" eb="1">
      <t>ソト</t>
    </rPh>
    <rPh sb="1" eb="2">
      <t>アソ</t>
    </rPh>
    <rPh sb="4" eb="6">
      <t>ガイキ</t>
    </rPh>
    <rPh sb="6" eb="7">
      <t>ヨク</t>
    </rPh>
    <rPh sb="8" eb="10">
      <t>ジッシ</t>
    </rPh>
    <phoneticPr fontId="1"/>
  </si>
  <si>
    <t>備えられている遊具等</t>
    <phoneticPr fontId="1"/>
  </si>
  <si>
    <t>実施 （  毎日            回／１週間                  ）</t>
    <phoneticPr fontId="1"/>
  </si>
  <si>
    <t xml:space="preserve">玩具（　　　　　　　    　 ）   絵本      机      椅子    </t>
    <phoneticPr fontId="1"/>
  </si>
  <si>
    <t>楽器（　　　　　　　　     ）   他（        　　　　　）</t>
    <phoneticPr fontId="1"/>
  </si>
  <si>
    <t>保護者との連絡状況</t>
    <phoneticPr fontId="1"/>
  </si>
  <si>
    <t>献立表の配布</t>
    <phoneticPr fontId="1"/>
  </si>
  <si>
    <t>施設だよりの配布</t>
    <phoneticPr fontId="1"/>
  </si>
  <si>
    <t>連絡帳の作成</t>
    <phoneticPr fontId="1"/>
  </si>
  <si>
    <t>緊急連絡表の作成</t>
    <phoneticPr fontId="1"/>
  </si>
  <si>
    <t>保護者及び施設利用希望者の保育室等の見学</t>
    <rPh sb="0" eb="2">
      <t>ホゴ</t>
    </rPh>
    <rPh sb="2" eb="3">
      <t>シャ</t>
    </rPh>
    <rPh sb="3" eb="4">
      <t>オヨ</t>
    </rPh>
    <rPh sb="5" eb="7">
      <t>シセツ</t>
    </rPh>
    <rPh sb="7" eb="9">
      <t>リヨウ</t>
    </rPh>
    <rPh sb="9" eb="12">
      <t>キボウシャ</t>
    </rPh>
    <rPh sb="13" eb="16">
      <t>ホイクシツ</t>
    </rPh>
    <rPh sb="16" eb="17">
      <t>トウ</t>
    </rPh>
    <rPh sb="18" eb="20">
      <t>ケンガク</t>
    </rPh>
    <phoneticPr fontId="1"/>
  </si>
  <si>
    <t>保育室の清掃方法・回数</t>
    <phoneticPr fontId="1"/>
  </si>
  <si>
    <t>便所の清掃方法・回数</t>
    <phoneticPr fontId="1"/>
  </si>
  <si>
    <t>調理室の清掃方法・回数</t>
    <phoneticPr fontId="1"/>
  </si>
  <si>
    <t>食器の消毒・保管方法</t>
    <phoneticPr fontId="1"/>
  </si>
  <si>
    <t>哺乳ビンの消毒・保管方法</t>
    <phoneticPr fontId="1"/>
  </si>
  <si>
    <t>衣類の洗濯・消毒方法</t>
    <phoneticPr fontId="1"/>
  </si>
  <si>
    <t>寝具の乾燥・消毒方法</t>
    <phoneticPr fontId="1"/>
  </si>
  <si>
    <t>玩具類の洗濯・消毒方法</t>
    <phoneticPr fontId="1"/>
  </si>
  <si>
    <t>給食の実施</t>
    <phoneticPr fontId="1"/>
  </si>
  <si>
    <t>献立表の作成</t>
    <phoneticPr fontId="1"/>
  </si>
  <si>
    <t>乳児食（離乳食）</t>
    <phoneticPr fontId="1"/>
  </si>
  <si>
    <t>食品の保存</t>
    <phoneticPr fontId="1"/>
  </si>
  <si>
    <t>有 （  施設で調理     調理済み市販     家から持参     その他  ）</t>
    <phoneticPr fontId="1"/>
  </si>
  <si>
    <t xml:space="preserve">冷蔵庫     その他  （                                            ）  </t>
    <phoneticPr fontId="1"/>
  </si>
  <si>
    <t>登園時の健康状態観察</t>
    <rPh sb="0" eb="2">
      <t>トウエン</t>
    </rPh>
    <rPh sb="2" eb="3">
      <t>ジ</t>
    </rPh>
    <rPh sb="4" eb="6">
      <t>ケンコウ</t>
    </rPh>
    <rPh sb="6" eb="8">
      <t>ジョウタイ</t>
    </rPh>
    <rPh sb="8" eb="10">
      <t>カンサツ</t>
    </rPh>
    <phoneticPr fontId="1"/>
  </si>
  <si>
    <t>降園時の個別検査</t>
    <rPh sb="0" eb="2">
      <t>コウエン</t>
    </rPh>
    <rPh sb="2" eb="3">
      <t>ジ</t>
    </rPh>
    <rPh sb="4" eb="6">
      <t>コベツ</t>
    </rPh>
    <rPh sb="6" eb="8">
      <t>ケンサ</t>
    </rPh>
    <phoneticPr fontId="1"/>
  </si>
  <si>
    <t>有 （ 体温      排便     食事     睡眠     顔ぼう     その他 ）</t>
    <phoneticPr fontId="1"/>
  </si>
  <si>
    <t>有 （ 服装      外傷     清潔     他                         ）</t>
    <phoneticPr fontId="1"/>
  </si>
  <si>
    <t>実施 （ 身長測定　　体重測定　　 その他）</t>
    <phoneticPr fontId="1"/>
  </si>
  <si>
    <t>入所時</t>
    <rPh sb="0" eb="3">
      <t>ニュウショジ</t>
    </rPh>
    <phoneticPr fontId="1"/>
  </si>
  <si>
    <t>入所後</t>
    <rPh sb="0" eb="3">
      <t>ニュウショゴ</t>
    </rPh>
    <phoneticPr fontId="1"/>
  </si>
  <si>
    <t>児童の健康診断</t>
    <rPh sb="0" eb="2">
      <t>ジドウ</t>
    </rPh>
    <rPh sb="3" eb="5">
      <t>ケンコウ</t>
    </rPh>
    <rPh sb="5" eb="7">
      <t>シンダン</t>
    </rPh>
    <phoneticPr fontId="1"/>
  </si>
  <si>
    <t xml:space="preserve">施設で実施    診断書の提出    母子健康手帳で確認  </t>
    <phoneticPr fontId="1"/>
  </si>
  <si>
    <t>施設で実施    診断書の提出    母子健康手帳で確認   ・   回／年</t>
    <phoneticPr fontId="1"/>
  </si>
  <si>
    <t>ケガや病気の時の措置</t>
    <phoneticPr fontId="1"/>
  </si>
  <si>
    <t>児童の発育チェック</t>
    <rPh sb="0" eb="2">
      <t>ジドウ</t>
    </rPh>
    <rPh sb="3" eb="5">
      <t>ハツイク</t>
    </rPh>
    <phoneticPr fontId="1"/>
  </si>
  <si>
    <t>保護者への連絡     医療機関への受診     その他（                       ）</t>
    <phoneticPr fontId="1"/>
  </si>
  <si>
    <t>職員の健康診断</t>
    <phoneticPr fontId="1"/>
  </si>
  <si>
    <t>採用時</t>
    <rPh sb="0" eb="3">
      <t>サイヨウジ</t>
    </rPh>
    <phoneticPr fontId="1"/>
  </si>
  <si>
    <t>採用後</t>
    <rPh sb="0" eb="3">
      <t>サイヨウゴ</t>
    </rPh>
    <phoneticPr fontId="1"/>
  </si>
  <si>
    <t>実施 （ 施設で実施     診断書の提出     その他               ）</t>
    <phoneticPr fontId="1"/>
  </si>
  <si>
    <t>調理・調乳者の検便</t>
    <phoneticPr fontId="1"/>
  </si>
  <si>
    <t xml:space="preserve">実施 （ 毎月           隔月             回／年 ）  </t>
    <phoneticPr fontId="1"/>
  </si>
  <si>
    <t>備えられている医薬品</t>
    <phoneticPr fontId="1"/>
  </si>
  <si>
    <t>体温計     水まくら類     外用・消毒薬     絆創膏類     他（           ）</t>
    <phoneticPr fontId="1"/>
  </si>
  <si>
    <t>感染症への対応</t>
    <phoneticPr fontId="1"/>
  </si>
  <si>
    <t>歯ブラシ、コップ、タオル、ハンカチ等の共用防止    実施　　  未実施</t>
    <phoneticPr fontId="1"/>
  </si>
  <si>
    <t>睡眠中の乳幼児のきめ細かな観察</t>
    <phoneticPr fontId="1"/>
  </si>
  <si>
    <t>仰向け寝</t>
    <phoneticPr fontId="1"/>
  </si>
  <si>
    <t>保育室での禁煙の厳守</t>
    <phoneticPr fontId="1"/>
  </si>
  <si>
    <t>○安全対策</t>
    <rPh sb="1" eb="3">
      <t>アンゼン</t>
    </rPh>
    <rPh sb="3" eb="5">
      <t>タイサク</t>
    </rPh>
    <phoneticPr fontId="1"/>
  </si>
  <si>
    <t xml:space="preserve"> 各室内に危険物がない、放置物品がない、 暖房器具の固定、燃焼部の覆い、書庫等の転倒防止、棚等からの落下物防止などの安全対策が講じられいる場合は適、欠けている場合は不適とする。</t>
    <phoneticPr fontId="1"/>
  </si>
  <si>
    <t>（保育室    玄関    非常口    階段       通路    台所   便所   浴室    ベランダ    園庭    門扉）</t>
    <phoneticPr fontId="1"/>
  </si>
  <si>
    <t>○事故防止</t>
    <rPh sb="1" eb="3">
      <t>ジコ</t>
    </rPh>
    <rPh sb="3" eb="5">
      <t>ボウシ</t>
    </rPh>
    <phoneticPr fontId="1"/>
  </si>
  <si>
    <t>○緊急時の対策</t>
    <rPh sb="1" eb="4">
      <t>キンキュウジ</t>
    </rPh>
    <rPh sb="5" eb="7">
      <t>タイサク</t>
    </rPh>
    <phoneticPr fontId="1"/>
  </si>
  <si>
    <t>　施設内の危険な場所、設備等への囲障の設置、施錠等を行うなど、児童が危険な場所等へ進入しないような対策が講じられている場合は適、欠けている場合は不適とする。</t>
    <phoneticPr fontId="1"/>
  </si>
  <si>
    <t>　不審者の立入防止などの対策や緊急時における児童の安全を確保する体制が整備されている場合は適、されていない場合は不適とする。</t>
    <phoneticPr fontId="1"/>
  </si>
  <si>
    <t>安　全　確　保</t>
    <rPh sb="0" eb="1">
      <t>ヤス</t>
    </rPh>
    <rPh sb="2" eb="3">
      <t>ゼン</t>
    </rPh>
    <rPh sb="4" eb="5">
      <t>アキラ</t>
    </rPh>
    <rPh sb="6" eb="7">
      <t>タモツ</t>
    </rPh>
    <phoneticPr fontId="1"/>
  </si>
  <si>
    <t>利用者等への情報提供</t>
    <rPh sb="0" eb="3">
      <t>リヨウシャ</t>
    </rPh>
    <rPh sb="3" eb="4">
      <t>トウ</t>
    </rPh>
    <rPh sb="6" eb="8">
      <t>ジョウホウ</t>
    </rPh>
    <rPh sb="8" eb="10">
      <t>テイキョウ</t>
    </rPh>
    <phoneticPr fontId="1"/>
  </si>
  <si>
    <t>サービス内容等の掲示</t>
    <phoneticPr fontId="1"/>
  </si>
  <si>
    <t>利用者への契約時の書面交付</t>
    <phoneticPr fontId="1"/>
  </si>
  <si>
    <t>利用予定者への契約内容等の説明</t>
    <phoneticPr fontId="1"/>
  </si>
  <si>
    <t>児童票の作成状況</t>
    <phoneticPr fontId="1"/>
  </si>
  <si>
    <t>有（ 家庭状況  既往症  健康状況  成長記録  健康診断記録 ）</t>
    <phoneticPr fontId="1"/>
  </si>
  <si>
    <t>職員名簿（履歴書）</t>
    <phoneticPr fontId="1"/>
  </si>
  <si>
    <t>児　童　出　席　表</t>
    <phoneticPr fontId="1"/>
  </si>
  <si>
    <t>資　格　証　明　書</t>
    <phoneticPr fontId="1"/>
  </si>
  <si>
    <t>施　設　平　面　図</t>
    <phoneticPr fontId="1"/>
  </si>
  <si>
    <t xml:space="preserve">職員の雇用状況がわかる書類 </t>
    <phoneticPr fontId="1"/>
  </si>
  <si>
    <t>（雇用通知書、賃金台帳等）</t>
    <phoneticPr fontId="1"/>
  </si>
  <si>
    <t>　系列施設数は、当運営状況報告の対象施設を含めた数を記入し、対象施設の所在する都道府県内にある系列施設数を内数として記入してください。</t>
    <phoneticPr fontId="1"/>
  </si>
  <si>
    <t>避難消火訓練</t>
    <rPh sb="0" eb="2">
      <t>ヒナン</t>
    </rPh>
    <rPh sb="2" eb="4">
      <t>ショウカ</t>
    </rPh>
    <rPh sb="4" eb="6">
      <t>クンレン</t>
    </rPh>
    <phoneticPr fontId="1"/>
  </si>
  <si>
    <t>帳簿の作成、整備状況</t>
    <rPh sb="0" eb="2">
      <t>チョウボ</t>
    </rPh>
    <rPh sb="3" eb="5">
      <t>サクセイ</t>
    </rPh>
    <rPh sb="6" eb="8">
      <t>セイビ</t>
    </rPh>
    <rPh sb="8" eb="10">
      <t>ジョウキョウ</t>
    </rPh>
    <phoneticPr fontId="1"/>
  </si>
  <si>
    <t>設置主体</t>
    <rPh sb="0" eb="2">
      <t>セッチ</t>
    </rPh>
    <rPh sb="2" eb="4">
      <t>シュタイ</t>
    </rPh>
    <phoneticPr fontId="1"/>
  </si>
  <si>
    <t>個人　 株式会社 　社会福祉法人　 NPO法人　 その他法人　 任意団体</t>
    <rPh sb="0" eb="2">
      <t>コジン</t>
    </rPh>
    <rPh sb="4" eb="6">
      <t>カブシキ</t>
    </rPh>
    <rPh sb="6" eb="8">
      <t>カイシャ</t>
    </rPh>
    <rPh sb="10" eb="12">
      <t>シャカイ</t>
    </rPh>
    <rPh sb="12" eb="14">
      <t>フクシ</t>
    </rPh>
    <rPh sb="14" eb="16">
      <t>ホウジン</t>
    </rPh>
    <rPh sb="21" eb="23">
      <t>ホウジン</t>
    </rPh>
    <rPh sb="27" eb="28">
      <t>タ</t>
    </rPh>
    <rPh sb="28" eb="30">
      <t>ホウジン</t>
    </rPh>
    <rPh sb="32" eb="34">
      <t>ニンイ</t>
    </rPh>
    <rPh sb="34" eb="36">
      <t>ダンタイ</t>
    </rPh>
    <phoneticPr fontId="1"/>
  </si>
  <si>
    <t>立地場所</t>
    <rPh sb="0" eb="2">
      <t>リッチ</t>
    </rPh>
    <rPh sb="2" eb="4">
      <t>バショ</t>
    </rPh>
    <phoneticPr fontId="1"/>
  </si>
  <si>
    <t>住宅地　オフィス街　商店街　工業地　駅ビル・駅隣接　その他</t>
    <rPh sb="0" eb="3">
      <t>ジュウタクチ</t>
    </rPh>
    <rPh sb="8" eb="9">
      <t>ガイ</t>
    </rPh>
    <rPh sb="10" eb="13">
      <t>ショウテンガイ</t>
    </rPh>
    <rPh sb="14" eb="17">
      <t>コウギョウチ</t>
    </rPh>
    <rPh sb="18" eb="19">
      <t>エキ</t>
    </rPh>
    <rPh sb="22" eb="23">
      <t>エキ</t>
    </rPh>
    <rPh sb="23" eb="25">
      <t>リンセツ</t>
    </rPh>
    <rPh sb="28" eb="29">
      <t>タ</t>
    </rPh>
    <phoneticPr fontId="1"/>
  </si>
  <si>
    <t>専用設備</t>
    <rPh sb="0" eb="2">
      <t>センヨウ</t>
    </rPh>
    <rPh sb="2" eb="4">
      <t>セツビ</t>
    </rPh>
    <phoneticPr fontId="1"/>
  </si>
  <si>
    <t>乳児室　　ほふく室　　保育室または遊戯室　　調理室　　医務室</t>
    <rPh sb="0" eb="2">
      <t>ニュウジ</t>
    </rPh>
    <rPh sb="2" eb="3">
      <t>シツ</t>
    </rPh>
    <rPh sb="8" eb="9">
      <t>シツ</t>
    </rPh>
    <rPh sb="11" eb="14">
      <t>ホイクシツ</t>
    </rPh>
    <rPh sb="17" eb="20">
      <t>ユウギシツ</t>
    </rPh>
    <rPh sb="22" eb="25">
      <t>チョウリシツ</t>
    </rPh>
    <rPh sb="27" eb="30">
      <t>イムシツ</t>
    </rPh>
    <phoneticPr fontId="1"/>
  </si>
  <si>
    <t>ほふく室</t>
    <rPh sb="3" eb="4">
      <t>シツ</t>
    </rPh>
    <phoneticPr fontId="1"/>
  </si>
  <si>
    <t>保育室または遊戯室</t>
    <rPh sb="0" eb="3">
      <t>ホイクシツ</t>
    </rPh>
    <rPh sb="6" eb="9">
      <t>ユウギシツ</t>
    </rPh>
    <phoneticPr fontId="1"/>
  </si>
  <si>
    <t>利用料金設定状況</t>
    <rPh sb="0" eb="2">
      <t>リヨウ</t>
    </rPh>
    <rPh sb="2" eb="4">
      <t>リョウキン</t>
    </rPh>
    <rPh sb="4" eb="6">
      <t>セッテイ</t>
    </rPh>
    <rPh sb="6" eb="8">
      <t>ジョウキョウ</t>
    </rPh>
    <phoneticPr fontId="1"/>
  </si>
  <si>
    <t>所得別　　その他（　　　　　　　　　　　　　　）　　設定なし</t>
    <rPh sb="0" eb="3">
      <t>ショトクベツ</t>
    </rPh>
    <rPh sb="7" eb="8">
      <t>タ</t>
    </rPh>
    <rPh sb="26" eb="28">
      <t>セッテイ</t>
    </rPh>
    <phoneticPr fontId="1"/>
  </si>
  <si>
    <t>嘱託医の有無</t>
    <rPh sb="0" eb="3">
      <t>ショクタクイ</t>
    </rPh>
    <rPh sb="4" eb="6">
      <t>ウム</t>
    </rPh>
    <phoneticPr fontId="1"/>
  </si>
  <si>
    <t>管理栄養士・栄養士の有無</t>
    <rPh sb="0" eb="2">
      <t>カンリ</t>
    </rPh>
    <rPh sb="2" eb="5">
      <t>エイヨウシ</t>
    </rPh>
    <rPh sb="6" eb="9">
      <t>エイヨウシ</t>
    </rPh>
    <rPh sb="10" eb="12">
      <t>ウム</t>
    </rPh>
    <phoneticPr fontId="1"/>
  </si>
  <si>
    <t>有　　無</t>
    <rPh sb="0" eb="1">
      <t>ア</t>
    </rPh>
    <rPh sb="3" eb="4">
      <t>ナ</t>
    </rPh>
    <phoneticPr fontId="1"/>
  </si>
  <si>
    <t>管理栄養士（</t>
    <rPh sb="0" eb="2">
      <t>カンリ</t>
    </rPh>
    <rPh sb="2" eb="5">
      <t>エイヨウシ</t>
    </rPh>
    <phoneticPr fontId="1"/>
  </si>
  <si>
    <t>人）</t>
    <rPh sb="0" eb="1">
      <t>ヒト</t>
    </rPh>
    <phoneticPr fontId="1"/>
  </si>
  <si>
    <t>栄養士（</t>
    <rPh sb="0" eb="3">
      <t>エイヨウシ</t>
    </rPh>
    <phoneticPr fontId="1"/>
  </si>
  <si>
    <t>次のうち当てはまるもの１つを○で囲んでください。
・個人……………個人が設置するもの。
・株式会社………株式会社が設置するもの。
・社会福祉法人…社会福祉法第22条で定義される法人が設置するもの。
・ＮＰＯ法人……特定非営利活動促進法に基づいて特定非営利活動を行うことを主たる目的とし、同法の定めるところにより設立された法人が設置するもの。
・その他法人……上記のいずれにも該当しない法人が設置するもの。（医療法人等、有限会社、商法に基づかない法人はここに入ります。）
・任意団体………保護者が共同で設置しているもの等、法人ではない団体。</t>
    <rPh sb="0" eb="1">
      <t>ツギ</t>
    </rPh>
    <rPh sb="4" eb="5">
      <t>ア</t>
    </rPh>
    <rPh sb="16" eb="17">
      <t>カコ</t>
    </rPh>
    <rPh sb="179" eb="181">
      <t>ジョウキ</t>
    </rPh>
    <phoneticPr fontId="1"/>
  </si>
  <si>
    <t>○建物の形態
　貴施設として利用されている建物の形態について、次のうち当てはまるもの１つを○で囲んでください。
・専用建物…………………保育専用に使用している一戸建て施設
・集合住宅…………………マンション等の一部を保育に使用している場合
・事務所ビル………………事務所が主なビルの一部を保育に使用している場合
・業務用ビル………………事務所ビル以外のビルの一部を保育に使用している場合
・その他……………………上記のいずれにも該当しないもの</t>
    <rPh sb="8" eb="9">
      <t>キ</t>
    </rPh>
    <rPh sb="31" eb="32">
      <t>ツギ</t>
    </rPh>
    <rPh sb="35" eb="36">
      <t>ア</t>
    </rPh>
    <rPh sb="206" eb="208">
      <t>ジョウキ</t>
    </rPh>
    <phoneticPr fontId="1"/>
  </si>
  <si>
    <t>○立地場所
　貴施設の立地場所について、次のうちあてはまるもの１つを○で囲んでください。
・住宅地……………………住宅が主となる場所
・オフィス街………………事務所や会社が建ち並んでいる場所
・商店街……………………商店が建ち並んでいる場所。駅建物内や駅前にある場合は「駅ビル・駅隣接」を○で囲んでください。
・工業地……………………工場が主となる場所
・駅ビル・駅隣接…………駅舎と一体となったビル、駅近隣となる場所（近隣の目安は駅から徒歩５分以内。）
・その他……………………上記のいずれにも該当しないもの</t>
    <rPh sb="7" eb="8">
      <t>キ</t>
    </rPh>
    <rPh sb="20" eb="21">
      <t>ツギ</t>
    </rPh>
    <rPh sb="240" eb="242">
      <t>ジョウキ</t>
    </rPh>
    <phoneticPr fontId="1"/>
  </si>
  <si>
    <t>施設に在籍している保育従事者数</t>
    <rPh sb="0" eb="2">
      <t>シセツ</t>
    </rPh>
    <phoneticPr fontId="1"/>
  </si>
  <si>
    <t>月単位　　週単位　　日単位　　時間単位　　日中・夜間別</t>
    <rPh sb="0" eb="3">
      <t>ツキタンイ</t>
    </rPh>
    <rPh sb="5" eb="8">
      <t>シュウタンイ</t>
    </rPh>
    <rPh sb="10" eb="11">
      <t>ニチ</t>
    </rPh>
    <rPh sb="11" eb="13">
      <t>タンイ</t>
    </rPh>
    <rPh sb="15" eb="17">
      <t>ジカン</t>
    </rPh>
    <rPh sb="17" eb="19">
      <t>タンイ</t>
    </rPh>
    <rPh sb="21" eb="23">
      <t>ニッチュウ</t>
    </rPh>
    <rPh sb="24" eb="26">
      <t>ヤカン</t>
    </rPh>
    <rPh sb="26" eb="27">
      <t>ベツ</t>
    </rPh>
    <phoneticPr fontId="1"/>
  </si>
  <si>
    <t>４歳児</t>
    <rPh sb="1" eb="3">
      <t>サイジ</t>
    </rPh>
    <phoneticPr fontId="1"/>
  </si>
  <si>
    <t>５歳児</t>
    <rPh sb="1" eb="3">
      <t>サイジ</t>
    </rPh>
    <phoneticPr fontId="1"/>
  </si>
  <si>
    <t>６歳以上
（就学前）</t>
    <rPh sb="1" eb="2">
      <t>サイ</t>
    </rPh>
    <rPh sb="2" eb="4">
      <t>イジョウ</t>
    </rPh>
    <rPh sb="6" eb="9">
      <t>シュウガクマエ</t>
    </rPh>
    <phoneticPr fontId="1"/>
  </si>
  <si>
    <t>(　　)</t>
    <phoneticPr fontId="1"/>
  </si>
  <si>
    <t>６歳以上
(就学前)</t>
    <rPh sb="1" eb="4">
      <t>サイイジョウ</t>
    </rPh>
    <rPh sb="6" eb="9">
      <t>シュウガクマエ</t>
    </rPh>
    <phoneticPr fontId="1"/>
  </si>
  <si>
    <t>朝食</t>
    <rPh sb="0" eb="2">
      <t>チョウショク</t>
    </rPh>
    <phoneticPr fontId="1"/>
  </si>
  <si>
    <t>昼食</t>
    <rPh sb="0" eb="2">
      <t>チュウショク</t>
    </rPh>
    <phoneticPr fontId="1"/>
  </si>
  <si>
    <t>夕食</t>
    <rPh sb="0" eb="2">
      <t>ユウショク</t>
    </rPh>
    <phoneticPr fontId="1"/>
  </si>
  <si>
    <t>特に決めていない</t>
    <rPh sb="0" eb="1">
      <t>トク</t>
    </rPh>
    <rPh sb="2" eb="3">
      <t>キ</t>
    </rPh>
    <phoneticPr fontId="1"/>
  </si>
  <si>
    <t>研修の実施状況</t>
    <rPh sb="0" eb="2">
      <t>ケンシュウ</t>
    </rPh>
    <rPh sb="3" eb="5">
      <t>ジッシ</t>
    </rPh>
    <rPh sb="5" eb="7">
      <t>ジョウキョウ</t>
    </rPh>
    <phoneticPr fontId="1"/>
  </si>
  <si>
    <t>安全管理・事故防止の取組状況</t>
    <rPh sb="0" eb="2">
      <t>アンゼン</t>
    </rPh>
    <rPh sb="2" eb="4">
      <t>カンリ</t>
    </rPh>
    <rPh sb="5" eb="7">
      <t>ジコ</t>
    </rPh>
    <rPh sb="7" eb="9">
      <t>ボウシ</t>
    </rPh>
    <rPh sb="10" eb="12">
      <t>トリクミ</t>
    </rPh>
    <rPh sb="12" eb="14">
      <t>ジョウキョウ</t>
    </rPh>
    <phoneticPr fontId="1"/>
  </si>
  <si>
    <t>保育従事者の質の向上を図る研修を定期的に実施 （　年  　  回 ）</t>
    <rPh sb="25" eb="26">
      <t>ネン</t>
    </rPh>
    <phoneticPr fontId="1"/>
  </si>
  <si>
    <t>安全管理・事故防止の手順やマニュアルを整備し、職員に周知している</t>
    <phoneticPr fontId="1"/>
  </si>
  <si>
    <t>消防署・病院等関係機関との連絡を密にし、緊急の場合には適切な体制がとれるようにしている</t>
    <phoneticPr fontId="1"/>
  </si>
  <si>
    <t>＜24時間保育＞</t>
    <phoneticPr fontId="1"/>
  </si>
  <si>
    <t>　24時間のいずれの時間帯でも保育サービスを提供するもの。</t>
    <phoneticPr fontId="1"/>
  </si>
  <si>
    <t>　利用料金の設定として、当てはまるもの全てを○で囲んでください。</t>
    <rPh sb="1" eb="3">
      <t>リヨウ</t>
    </rPh>
    <rPh sb="3" eb="5">
      <t>リョウキン</t>
    </rPh>
    <rPh sb="6" eb="8">
      <t>セッテイ</t>
    </rPh>
    <rPh sb="12" eb="13">
      <t>ア</t>
    </rPh>
    <rPh sb="19" eb="20">
      <t>スベ</t>
    </rPh>
    <rPh sb="24" eb="25">
      <t>カコ</t>
    </rPh>
    <phoneticPr fontId="1"/>
  </si>
  <si>
    <t>　朝食、昼食、夕食ごとにあてはまるもの１つを○で囲んでください。
・主に施設で調理…………主に施設で給食を調理している場合。単なる加熱等のみの場合は含みません。
・主に仕出し弁当…………主に施設で弁当等を購入している場合。
・弁当持参…………………保護者により弁当が用意されている場合。従って、店で購入したものでも保護者が用意したものは含まれます。
・なし………………………該当する時間帯に開所していない場合。給食がない場合。</t>
    <phoneticPr fontId="1"/>
  </si>
  <si>
    <t>　管理栄養士と栄養士のそれぞれの人数を記入してください。０人の場合は、「０」と記入してください。</t>
    <rPh sb="19" eb="21">
      <t>キニュウ</t>
    </rPh>
    <rPh sb="39" eb="41">
      <t>キニュウ</t>
    </rPh>
    <phoneticPr fontId="1"/>
  </si>
  <si>
    <t>上記のうち主たる保育時間で
ある11時間について再掲</t>
    <rPh sb="0" eb="2">
      <t>ジョウキ</t>
    </rPh>
    <rPh sb="5" eb="6">
      <t>シュ</t>
    </rPh>
    <rPh sb="8" eb="10">
      <t>ホイク</t>
    </rPh>
    <rPh sb="10" eb="12">
      <t>ジカン</t>
    </rPh>
    <rPh sb="18" eb="20">
      <t>ジカン</t>
    </rPh>
    <rPh sb="24" eb="26">
      <t>サイケイ</t>
    </rPh>
    <phoneticPr fontId="1"/>
  </si>
  <si>
    <t>職員の研修等の参加状況</t>
    <phoneticPr fontId="1"/>
  </si>
  <si>
    <t>　子どもの預かりサービスのマッチングサイトを利用する施設においては、利用するマッチングサイトのＵＲＬを記入してください。ただし、施設自らのウェブサイトを利用して、保護者と施設とが相互に連絡する場合は除きます。</t>
    <rPh sb="1" eb="2">
      <t>コ</t>
    </rPh>
    <rPh sb="5" eb="6">
      <t>アズ</t>
    </rPh>
    <rPh sb="22" eb="24">
      <t>リヨウ</t>
    </rPh>
    <rPh sb="26" eb="28">
      <t>シセツ</t>
    </rPh>
    <rPh sb="34" eb="36">
      <t>リヨウ</t>
    </rPh>
    <rPh sb="51" eb="53">
      <t>キニュウ</t>
    </rPh>
    <rPh sb="64" eb="66">
      <t>シセツ</t>
    </rPh>
    <rPh sb="66" eb="67">
      <t>ミズカ</t>
    </rPh>
    <rPh sb="76" eb="78">
      <t>リヨウ</t>
    </rPh>
    <rPh sb="81" eb="84">
      <t>ホゴシャ</t>
    </rPh>
    <rPh sb="85" eb="87">
      <t>シセツ</t>
    </rPh>
    <rPh sb="89" eb="91">
      <t>ソウゴ</t>
    </rPh>
    <rPh sb="92" eb="94">
      <t>レンラク</t>
    </rPh>
    <rPh sb="96" eb="98">
      <t>バアイ</t>
    </rPh>
    <rPh sb="99" eb="100">
      <t>ノゾ</t>
    </rPh>
    <phoneticPr fontId="1"/>
  </si>
  <si>
    <t>提携医療機関</t>
    <phoneticPr fontId="1"/>
  </si>
  <si>
    <t>６歳以上
（就学前）</t>
    <rPh sb="1" eb="4">
      <t>サイイジョウ</t>
    </rPh>
    <rPh sb="6" eb="9">
      <t>シュウガクマエ</t>
    </rPh>
    <phoneticPr fontId="1"/>
  </si>
  <si>
    <t>月極契約</t>
    <rPh sb="0" eb="2">
      <t>ツキギメ</t>
    </rPh>
    <rPh sb="2" eb="4">
      <t>ケイヤク</t>
    </rPh>
    <phoneticPr fontId="1"/>
  </si>
  <si>
    <t>→ 無の場合の避難器具　　有 (                  )   無</t>
    <rPh sb="38" eb="39">
      <t>ナ</t>
    </rPh>
    <phoneticPr fontId="1"/>
  </si>
  <si>
    <t>（耐火構造の床　壁又は特定防火設備が
　設けられている。あるいは</t>
    <phoneticPr fontId="1"/>
  </si>
  <si>
    <t xml:space="preserve">昼食用  有 （    週間献立）   無 </t>
    <phoneticPr fontId="1"/>
  </si>
  <si>
    <t>夕食用  有 （    週間献立）     無</t>
    <phoneticPr fontId="1"/>
  </si>
  <si>
    <t>朝食用  有 （    週間献立）   無</t>
    <rPh sb="0" eb="1">
      <t>アサ</t>
    </rPh>
    <phoneticPr fontId="1"/>
  </si>
  <si>
    <t>　職務に従事する全ての職員（施設長、保育従事者、調理員、その他の職員）の研修等の直近３回の参加状況について記入してください。ただし、運営状況報告記入日の年度に参加した研修が３回以上の場合、その全てを記入してください。
※１日に保育する乳幼児の数が５人以下の施設については必ず記入してください。</t>
    <rPh sb="1" eb="3">
      <t>ショクム</t>
    </rPh>
    <rPh sb="4" eb="6">
      <t>ジュウジ</t>
    </rPh>
    <rPh sb="8" eb="9">
      <t>スベ</t>
    </rPh>
    <rPh sb="11" eb="13">
      <t>ショクイン</t>
    </rPh>
    <rPh sb="14" eb="17">
      <t>シセツチョウ</t>
    </rPh>
    <rPh sb="18" eb="20">
      <t>ホイク</t>
    </rPh>
    <rPh sb="20" eb="23">
      <t>ジュウジシャ</t>
    </rPh>
    <rPh sb="24" eb="27">
      <t>チョウリイン</t>
    </rPh>
    <rPh sb="30" eb="31">
      <t>タ</t>
    </rPh>
    <rPh sb="32" eb="34">
      <t>ショクイン</t>
    </rPh>
    <rPh sb="36" eb="38">
      <t>ケンシュウ</t>
    </rPh>
    <rPh sb="38" eb="39">
      <t>トウ</t>
    </rPh>
    <rPh sb="40" eb="42">
      <t>チョッキン</t>
    </rPh>
    <rPh sb="43" eb="44">
      <t>カイ</t>
    </rPh>
    <rPh sb="45" eb="47">
      <t>サンカ</t>
    </rPh>
    <rPh sb="47" eb="49">
      <t>ジョウキョウ</t>
    </rPh>
    <rPh sb="53" eb="55">
      <t>キニュウ</t>
    </rPh>
    <rPh sb="76" eb="78">
      <t>ネンド</t>
    </rPh>
    <rPh sb="79" eb="81">
      <t>サンカ</t>
    </rPh>
    <rPh sb="83" eb="85">
      <t>ケンシュウ</t>
    </rPh>
    <rPh sb="87" eb="88">
      <t>カイ</t>
    </rPh>
    <rPh sb="88" eb="90">
      <t>イジョウ</t>
    </rPh>
    <rPh sb="91" eb="93">
      <t>バアイ</t>
    </rPh>
    <rPh sb="96" eb="97">
      <t>スベ</t>
    </rPh>
    <rPh sb="99" eb="101">
      <t>キニュウ</t>
    </rPh>
    <phoneticPr fontId="1"/>
  </si>
  <si>
    <t>⑤</t>
    <phoneticPr fontId="1"/>
  </si>
  <si>
    <t>⑥</t>
    <phoneticPr fontId="1"/>
  </si>
  <si>
    <t>⑦</t>
    <phoneticPr fontId="1"/>
  </si>
  <si>
    <t>⑧</t>
    <phoneticPr fontId="1"/>
  </si>
  <si>
    <t>⑨</t>
    <phoneticPr fontId="1"/>
  </si>
  <si>
    <t>⑩</t>
    <phoneticPr fontId="1"/>
  </si>
  <si>
    <t>⑪</t>
    <phoneticPr fontId="1"/>
  </si>
  <si>
    <t>⑫</t>
    <phoneticPr fontId="1"/>
  </si>
  <si>
    <t>⑬</t>
    <phoneticPr fontId="1"/>
  </si>
  <si>
    <t>【③】</t>
    <phoneticPr fontId="1"/>
  </si>
  <si>
    <t>【⑦】</t>
    <phoneticPr fontId="1"/>
  </si>
  <si>
    <t>【⑩】</t>
    <phoneticPr fontId="1"/>
  </si>
  <si>
    <t>【⑪】</t>
    <phoneticPr fontId="1"/>
  </si>
  <si>
    <t>【⑫】</t>
    <phoneticPr fontId="1"/>
  </si>
  <si>
    <t>【⑬】</t>
    <phoneticPr fontId="1"/>
  </si>
  <si>
    <t>【⑭】</t>
    <phoneticPr fontId="1"/>
  </si>
  <si>
    <t>【⑮】</t>
    <phoneticPr fontId="1"/>
  </si>
  <si>
    <t>【⑯】</t>
    <phoneticPr fontId="1"/>
  </si>
  <si>
    <t>Ａ 施設長</t>
    <rPh sb="2" eb="4">
      <t>シセツ</t>
    </rPh>
    <phoneticPr fontId="1"/>
  </si>
  <si>
    <t>資格の有無等</t>
    <rPh sb="0" eb="2">
      <t>シカク</t>
    </rPh>
    <rPh sb="3" eb="5">
      <t>ウム</t>
    </rPh>
    <rPh sb="5" eb="6">
      <t>トウ</t>
    </rPh>
    <phoneticPr fontId="1"/>
  </si>
  <si>
    <t>※上記（　）内には、１日の勤務延べ時間数を８で除した常勤換算後の人数を記載すること。</t>
    <rPh sb="1" eb="3">
      <t>ジョウキ</t>
    </rPh>
    <phoneticPr fontId="1"/>
  </si>
  <si>
    <t>非常勤</t>
    <rPh sb="0" eb="3">
      <t>ヒジョウキン</t>
    </rPh>
    <phoneticPr fontId="1"/>
  </si>
  <si>
    <t>・保育業務への従事</t>
    <phoneticPr fontId="1"/>
  </si>
  <si>
    <t>保育士</t>
    <rPh sb="0" eb="3">
      <t>ホイクシ</t>
    </rPh>
    <phoneticPr fontId="1"/>
  </si>
  <si>
    <t>　　従事している</t>
    <phoneticPr fontId="1"/>
  </si>
  <si>
    <t>看護師</t>
    <rPh sb="0" eb="3">
      <t>カンゴシ</t>
    </rPh>
    <phoneticPr fontId="1"/>
  </si>
  <si>
    <t>　　従事していない</t>
    <phoneticPr fontId="1"/>
  </si>
  <si>
    <t>家庭的</t>
    <rPh sb="0" eb="3">
      <t>カテイテキ</t>
    </rPh>
    <phoneticPr fontId="1"/>
  </si>
  <si>
    <t>（</t>
    <phoneticPr fontId="1"/>
  </si>
  <si>
    <t>）</t>
    <phoneticPr fontId="1"/>
  </si>
  <si>
    <t>・資格（従事している場合に記入）</t>
    <phoneticPr fontId="1"/>
  </si>
  <si>
    <t>保育者</t>
    <rPh sb="0" eb="3">
      <t>ホイクシャ</t>
    </rPh>
    <phoneticPr fontId="1"/>
  </si>
  <si>
    <t>　　保育士</t>
    <phoneticPr fontId="1"/>
  </si>
  <si>
    <t>　　看護師</t>
    <phoneticPr fontId="1"/>
  </si>
  <si>
    <t>　　その他（　　　）</t>
    <phoneticPr fontId="1"/>
  </si>
  <si>
    <t>Ｂ 保育従事者（Ａを除く）</t>
    <phoneticPr fontId="1"/>
  </si>
  <si>
    <t>Ｃ その他職員（Ａ，Ｂを除く）</t>
    <phoneticPr fontId="1"/>
  </si>
  <si>
    <t>Ｄ合計（Ａ＋Ｂ＋Ｃ）</t>
    <phoneticPr fontId="1"/>
  </si>
  <si>
    <t>安全管理・事故防止のための研修を定期的に実施している（ 年　　　回 ）</t>
    <phoneticPr fontId="1"/>
  </si>
  <si>
    <t xml:space="preserve">  利用料金について利用形態別、年齢別に記入してください。なお、別途食事代、入会金、キャンセル料等が必要な場合にはその費用についても記入してください。記入に当たり、当様式により難い場合は利用形態別、年齢別に料金がわかる書類を添付してください。</t>
    <phoneticPr fontId="1"/>
  </si>
  <si>
    <t>　貴施設における研修の実施状況について、実施している場合（都道府県等が実施する研修への参加を含む）は、（　　）内にその回数を記入してください。２年に１回実施している場合は、「年　0.5　回」と記入してください。</t>
    <rPh sb="1" eb="2">
      <t>キ</t>
    </rPh>
    <rPh sb="20" eb="22">
      <t>ジッシ</t>
    </rPh>
    <rPh sb="29" eb="33">
      <t>トドウフケン</t>
    </rPh>
    <rPh sb="33" eb="34">
      <t>トウ</t>
    </rPh>
    <rPh sb="35" eb="37">
      <t>ジッシ</t>
    </rPh>
    <rPh sb="43" eb="45">
      <t>サンカ</t>
    </rPh>
    <rPh sb="46" eb="47">
      <t>フク</t>
    </rPh>
    <phoneticPr fontId="1"/>
  </si>
  <si>
    <t>　貴施設における安全管理・事故防止の取組について、研修を実施している場合（都道府県等が実施する研修への参加を含む）は、（　　）内にその回数を記入してください。２年に１回実施している場合は、「年　0.5　回」と記入してください。</t>
    <rPh sb="1" eb="2">
      <t>キ</t>
    </rPh>
    <rPh sb="18" eb="20">
      <t>トリクミ</t>
    </rPh>
    <rPh sb="25" eb="27">
      <t>ケンシュウ</t>
    </rPh>
    <rPh sb="28" eb="30">
      <t>ジッシ</t>
    </rPh>
    <phoneticPr fontId="1"/>
  </si>
  <si>
    <t>　　准看護師</t>
    <rPh sb="2" eb="3">
      <t>ジュン</t>
    </rPh>
    <phoneticPr fontId="1"/>
  </si>
  <si>
    <t>調理員</t>
    <rPh sb="0" eb="2">
      <t>チョウリ</t>
    </rPh>
    <rPh sb="2" eb="3">
      <t>イン</t>
    </rPh>
    <phoneticPr fontId="1"/>
  </si>
  <si>
    <t>准看護師</t>
    <rPh sb="0" eb="4">
      <t>ジュンカンゴシ</t>
    </rPh>
    <phoneticPr fontId="1"/>
  </si>
  <si>
    <t>児童用便所</t>
    <phoneticPr fontId="1"/>
  </si>
  <si>
    <t>屋外遊戯場（園庭）</t>
    <rPh sb="0" eb="2">
      <t>オクガイ</t>
    </rPh>
    <rPh sb="2" eb="5">
      <t>ユウギジョウ</t>
    </rPh>
    <rPh sb="6" eb="8">
      <t>エンテイ</t>
    </rPh>
    <phoneticPr fontId="1"/>
  </si>
  <si>
    <t>有（　　　　㎡）</t>
    <rPh sb="0" eb="1">
      <t>ア</t>
    </rPh>
    <phoneticPr fontId="1"/>
  </si>
  <si>
    <t>無の場合の公園など付近で子どもを安全に遊ばせることが可能な場所</t>
    <rPh sb="5" eb="7">
      <t>コウエン</t>
    </rPh>
    <rPh sb="9" eb="11">
      <t>フキン</t>
    </rPh>
    <rPh sb="12" eb="13">
      <t>コ</t>
    </rPh>
    <rPh sb="16" eb="18">
      <t>アンゼン</t>
    </rPh>
    <rPh sb="19" eb="20">
      <t>アソ</t>
    </rPh>
    <rPh sb="26" eb="28">
      <t>カノウ</t>
    </rPh>
    <rPh sb="29" eb="31">
      <t>バショ</t>
    </rPh>
    <phoneticPr fontId="1"/>
  </si>
  <si>
    <t>→</t>
    <phoneticPr fontId="1"/>
  </si>
  <si>
    <t>有・無</t>
    <rPh sb="0" eb="1">
      <t>ア</t>
    </rPh>
    <rPh sb="2" eb="3">
      <t>ナ</t>
    </rPh>
    <phoneticPr fontId="1"/>
  </si>
  <si>
    <t>保育室等</t>
    <rPh sb="0" eb="3">
      <t>ホイクシツ</t>
    </rPh>
    <rPh sb="3" eb="4">
      <t>トウ</t>
    </rPh>
    <phoneticPr fontId="1"/>
  </si>
  <si>
    <t>乳児室</t>
    <rPh sb="0" eb="2">
      <t>ニュウジ</t>
    </rPh>
    <rPh sb="2" eb="3">
      <t>シツ</t>
    </rPh>
    <phoneticPr fontId="1"/>
  </si>
  <si>
    <t>合　計</t>
    <rPh sb="0" eb="1">
      <t>ア</t>
    </rPh>
    <rPh sb="2" eb="3">
      <t>ケイ</t>
    </rPh>
    <phoneticPr fontId="1"/>
  </si>
  <si>
    <t>医務室</t>
    <rPh sb="0" eb="3">
      <t>イムシツ</t>
    </rPh>
    <phoneticPr fontId="1"/>
  </si>
  <si>
    <t>○屋外遊戯場（園庭）……園庭。付近の公園等共用の遊び場は含みません。</t>
    <phoneticPr fontId="1"/>
  </si>
  <si>
    <t>○専用設備
　貴施設において当てはまる専用設備全てを○で囲んでください。なお、○で囲んだ専用設備については、室数、面積等を整数（小数点以下四捨五入）で記入してください。乳児室、ほふく室、保育室または遊戯室の区分けなく１室で保育している場合、これらのいずれも○で囲まず、保育室等の欄に面積を整数（小数点以下四捨五入）で記入してください。
・乳児室……………………乳児（１歳に満たない児童）のための部屋
・ほふく室…………………はいはい（手足を使ってはい進む）するための部屋</t>
    <rPh sb="1" eb="3">
      <t>センヨウ</t>
    </rPh>
    <rPh sb="3" eb="5">
      <t>セツビ</t>
    </rPh>
    <rPh sb="7" eb="8">
      <t>キ</t>
    </rPh>
    <rPh sb="8" eb="10">
      <t>シセツ</t>
    </rPh>
    <rPh sb="14" eb="15">
      <t>ア</t>
    </rPh>
    <rPh sb="19" eb="21">
      <t>センヨウ</t>
    </rPh>
    <rPh sb="21" eb="23">
      <t>セツビ</t>
    </rPh>
    <rPh sb="23" eb="24">
      <t>スベ</t>
    </rPh>
    <rPh sb="28" eb="29">
      <t>カコ</t>
    </rPh>
    <rPh sb="41" eb="42">
      <t>カコ</t>
    </rPh>
    <rPh sb="44" eb="46">
      <t>センヨウ</t>
    </rPh>
    <rPh sb="46" eb="48">
      <t>セツビ</t>
    </rPh>
    <rPh sb="54" eb="56">
      <t>シツスウ</t>
    </rPh>
    <rPh sb="57" eb="59">
      <t>メンセキ</t>
    </rPh>
    <rPh sb="59" eb="60">
      <t>トウ</t>
    </rPh>
    <rPh sb="84" eb="86">
      <t>ニュウジ</t>
    </rPh>
    <rPh sb="86" eb="87">
      <t>シツ</t>
    </rPh>
    <rPh sb="91" eb="92">
      <t>シツ</t>
    </rPh>
    <rPh sb="93" eb="96">
      <t>ホイクシツ</t>
    </rPh>
    <rPh sb="99" eb="102">
      <t>ユウギシツ</t>
    </rPh>
    <rPh sb="103" eb="105">
      <t>クワ</t>
    </rPh>
    <rPh sb="109" eb="110">
      <t>シツ</t>
    </rPh>
    <rPh sb="111" eb="113">
      <t>ホイク</t>
    </rPh>
    <rPh sb="117" eb="119">
      <t>バアイ</t>
    </rPh>
    <rPh sb="130" eb="131">
      <t>カコ</t>
    </rPh>
    <rPh sb="134" eb="137">
      <t>ホイクシツ</t>
    </rPh>
    <rPh sb="137" eb="138">
      <t>トウ</t>
    </rPh>
    <rPh sb="139" eb="140">
      <t>ラン</t>
    </rPh>
    <rPh sb="141" eb="143">
      <t>メンセキ</t>
    </rPh>
    <rPh sb="144" eb="146">
      <t>セイスウ</t>
    </rPh>
    <phoneticPr fontId="1"/>
  </si>
  <si>
    <t xml:space="preserve">  24時間表示（00時00分～23時59分）で記入してください。24時間保育を実施している場合には、00時00分～00時00分と記入してください。なお、時間外開所時間は、通常の開所時間外で、利用者の希望に応じ、開所を行う場合にその時間を記入してください。</t>
    <rPh sb="35" eb="37">
      <t>ジカン</t>
    </rPh>
    <rPh sb="37" eb="39">
      <t>ホイク</t>
    </rPh>
    <rPh sb="40" eb="42">
      <t>ジッシ</t>
    </rPh>
    <rPh sb="46" eb="48">
      <t>バアイ</t>
    </rPh>
    <rPh sb="53" eb="54">
      <t>ジ</t>
    </rPh>
    <rPh sb="56" eb="57">
      <t>フン</t>
    </rPh>
    <rPh sb="60" eb="61">
      <t>ジ</t>
    </rPh>
    <rPh sb="63" eb="64">
      <t>フン</t>
    </rPh>
    <rPh sb="65" eb="67">
      <t>キニュウ</t>
    </rPh>
    <rPh sb="80" eb="82">
      <t>カイショ</t>
    </rPh>
    <rPh sb="89" eb="91">
      <t>カイショ</t>
    </rPh>
    <rPh sb="106" eb="108">
      <t>カイショ</t>
    </rPh>
    <phoneticPr fontId="1"/>
  </si>
  <si>
    <t>⑯保育している児童の人数</t>
    <phoneticPr fontId="1"/>
  </si>
  <si>
    <t>⑰
時間帯別の在籍児童数
（月極め・定期契約・一時預かりを含めた延べ数で記入してください。）</t>
    <rPh sb="7" eb="9">
      <t>ザイセキ</t>
    </rPh>
    <rPh sb="18" eb="20">
      <t>テイキ</t>
    </rPh>
    <rPh sb="20" eb="22">
      <t>ケイヤク</t>
    </rPh>
    <phoneticPr fontId="1"/>
  </si>
  <si>
    <t>⑱職務に従事している職員の配置数</t>
    <rPh sb="1" eb="3">
      <t>ショクム</t>
    </rPh>
    <rPh sb="4" eb="6">
      <t>ジュウジ</t>
    </rPh>
    <rPh sb="10" eb="12">
      <t>ショクイン</t>
    </rPh>
    <rPh sb="13" eb="16">
      <t>ハイチスウ</t>
    </rPh>
    <phoneticPr fontId="1"/>
  </si>
  <si>
    <t>有（主に施設で調理  　主に仕出し弁当  　その他）  
無（弁当持参  　　　　家庭で食事  　　　その他）</t>
    <rPh sb="2" eb="3">
      <t>オモ</t>
    </rPh>
    <rPh sb="12" eb="13">
      <t>オモ</t>
    </rPh>
    <phoneticPr fontId="1"/>
  </si>
  <si>
    <t>職名
(常勤・非常勤)</t>
    <rPh sb="0" eb="2">
      <t>ショクメイ</t>
    </rPh>
    <rPh sb="5" eb="7">
      <t>ジョウキン</t>
    </rPh>
    <rPh sb="8" eb="11">
      <t>ヒジョウキン</t>
    </rPh>
    <phoneticPr fontId="1"/>
  </si>
  <si>
    <t>氏名
(生年月日)</t>
    <rPh sb="0" eb="2">
      <t>シメイ</t>
    </rPh>
    <rPh sb="4" eb="6">
      <t>セイネン</t>
    </rPh>
    <rPh sb="6" eb="8">
      <t>ガッピ</t>
    </rPh>
    <phoneticPr fontId="1"/>
  </si>
  <si>
    <t>資格の保有状況</t>
    <rPh sb="0" eb="2">
      <t>シカク</t>
    </rPh>
    <rPh sb="3" eb="5">
      <t>ホユウ</t>
    </rPh>
    <rPh sb="5" eb="7">
      <t>ジョウキョウ</t>
    </rPh>
    <phoneticPr fontId="1"/>
  </si>
  <si>
    <t>※1
経験
年数</t>
    <rPh sb="3" eb="5">
      <t>ケイケン</t>
    </rPh>
    <rPh sb="6" eb="8">
      <t>ネンスウ</t>
    </rPh>
    <phoneticPr fontId="1"/>
  </si>
  <si>
    <t>※2
　 勤務時間</t>
    <rPh sb="5" eb="7">
      <t>キンム</t>
    </rPh>
    <rPh sb="7" eb="9">
      <t>ジカン</t>
    </rPh>
    <phoneticPr fontId="1"/>
  </si>
  <si>
    <t>（　　年　月　日）</t>
    <rPh sb="3" eb="4">
      <t>ネン</t>
    </rPh>
    <rPh sb="5" eb="6">
      <t>ツキ</t>
    </rPh>
    <rPh sb="7" eb="8">
      <t>ニチ</t>
    </rPh>
    <phoneticPr fontId="1"/>
  </si>
  <si>
    <t>ア保育士（登録番号　　　　　　　　　　）
イ幼稚園教諭　ウ看護師・保健師・助産師
エ上記の資格いずれもなし</t>
    <rPh sb="1" eb="4">
      <t>ホイクシ</t>
    </rPh>
    <rPh sb="5" eb="7">
      <t>トウロク</t>
    </rPh>
    <rPh sb="7" eb="9">
      <t>バンゴウ</t>
    </rPh>
    <rPh sb="22" eb="25">
      <t>ヨウチエン</t>
    </rPh>
    <rPh sb="25" eb="27">
      <t>キョウユ</t>
    </rPh>
    <rPh sb="29" eb="32">
      <t>カンゴシ</t>
    </rPh>
    <rPh sb="33" eb="36">
      <t>ホケンシ</t>
    </rPh>
    <rPh sb="37" eb="40">
      <t>ジョサンシ</t>
    </rPh>
    <rPh sb="42" eb="44">
      <t>ジョウキ</t>
    </rPh>
    <rPh sb="45" eb="47">
      <t>シカク</t>
    </rPh>
    <phoneticPr fontId="1"/>
  </si>
  <si>
    <t xml:space="preserve"> :  ～　: </t>
    <phoneticPr fontId="1"/>
  </si>
  <si>
    <t xml:space="preserve">  週 　時間</t>
    <rPh sb="2" eb="3">
      <t>シュウ</t>
    </rPh>
    <rPh sb="5" eb="7">
      <t>ジカン</t>
    </rPh>
    <phoneticPr fontId="1"/>
  </si>
  <si>
    <t>(常勤・非常勤)</t>
    <phoneticPr fontId="1"/>
  </si>
  <si>
    <t xml:space="preserve"> :  ～　: </t>
    <phoneticPr fontId="1"/>
  </si>
  <si>
    <t>※1 これまで保育施設で保育に従事した経験年数を記入してください。
※2 上段には届出日前日に勤務した時間、下段には契約上の一週間あたりの勤務時間数を記入してください。</t>
    <rPh sb="7" eb="9">
      <t>ホイク</t>
    </rPh>
    <rPh sb="9" eb="11">
      <t>シセツ</t>
    </rPh>
    <rPh sb="12" eb="14">
      <t>ホイク</t>
    </rPh>
    <rPh sb="15" eb="17">
      <t>ジュウジ</t>
    </rPh>
    <rPh sb="19" eb="21">
      <t>ケイケン</t>
    </rPh>
    <rPh sb="21" eb="23">
      <t>ネンスウ</t>
    </rPh>
    <rPh sb="24" eb="26">
      <t>キニュウ</t>
    </rPh>
    <rPh sb="37" eb="39">
      <t>ジョウダン</t>
    </rPh>
    <rPh sb="41" eb="43">
      <t>トドケデ</t>
    </rPh>
    <rPh sb="43" eb="44">
      <t>ビ</t>
    </rPh>
    <rPh sb="44" eb="46">
      <t>ゼンジツ</t>
    </rPh>
    <rPh sb="47" eb="49">
      <t>キンム</t>
    </rPh>
    <rPh sb="51" eb="53">
      <t>ジカン</t>
    </rPh>
    <rPh sb="54" eb="56">
      <t>ゲダン</t>
    </rPh>
    <rPh sb="58" eb="60">
      <t>ケイヤク</t>
    </rPh>
    <rPh sb="60" eb="61">
      <t>ジョウ</t>
    </rPh>
    <rPh sb="62" eb="65">
      <t>１シュウカン</t>
    </rPh>
    <rPh sb="69" eb="71">
      <t>キンム</t>
    </rPh>
    <rPh sb="71" eb="73">
      <t>ジカン</t>
    </rPh>
    <rPh sb="73" eb="74">
      <t>スウ</t>
    </rPh>
    <rPh sb="75" eb="77">
      <t>キニュウ</t>
    </rPh>
    <phoneticPr fontId="1"/>
  </si>
  <si>
    <t>性別</t>
    <rPh sb="0" eb="1">
      <t>セイ</t>
    </rPh>
    <rPh sb="1" eb="2">
      <t>ベツ</t>
    </rPh>
    <phoneticPr fontId="1"/>
  </si>
  <si>
    <t>私設保育施設運営状況報告</t>
    <rPh sb="0" eb="2">
      <t>シセツ</t>
    </rPh>
    <rPh sb="2" eb="4">
      <t>ホイク</t>
    </rPh>
    <rPh sb="4" eb="6">
      <t>シセツ</t>
    </rPh>
    <phoneticPr fontId="1"/>
  </si>
  <si>
    <t>第４号様式の１（第９条関係（法第６条の３第11項の規定による業務を目的とする施設を除く。））</t>
    <phoneticPr fontId="1"/>
  </si>
  <si>
    <t>⑲</t>
    <phoneticPr fontId="1"/>
  </si>
  <si>
    <t>⑳</t>
    <phoneticPr fontId="1"/>
  </si>
  <si>
    <t>㉒保険加入状況</t>
    <rPh sb="1" eb="3">
      <t>ホケン</t>
    </rPh>
    <rPh sb="3" eb="5">
      <t>カニュウ</t>
    </rPh>
    <rPh sb="5" eb="7">
      <t>ジョウキョウ</t>
    </rPh>
    <phoneticPr fontId="1"/>
  </si>
  <si>
    <t>㉓</t>
    <phoneticPr fontId="1"/>
  </si>
  <si>
    <t>㉔　施 設　・　設 備</t>
    <rPh sb="2" eb="3">
      <t>シ</t>
    </rPh>
    <rPh sb="4" eb="5">
      <t>セツ</t>
    </rPh>
    <rPh sb="8" eb="9">
      <t>セツ</t>
    </rPh>
    <rPh sb="10" eb="11">
      <t>ソナエ</t>
    </rPh>
    <phoneticPr fontId="1"/>
  </si>
  <si>
    <t>㉖</t>
    <phoneticPr fontId="1"/>
  </si>
  <si>
    <t>㉗</t>
    <phoneticPr fontId="1"/>
  </si>
  <si>
    <t>㉘</t>
    <phoneticPr fontId="1"/>
  </si>
  <si>
    <t>㉙</t>
    <phoneticPr fontId="1"/>
  </si>
  <si>
    <t>㉚</t>
    <phoneticPr fontId="1"/>
  </si>
  <si>
    <t>㉛</t>
    <phoneticPr fontId="1"/>
  </si>
  <si>
    <t>㉜</t>
    <phoneticPr fontId="1"/>
  </si>
  <si>
    <t>㉝</t>
    <phoneticPr fontId="1"/>
  </si>
  <si>
    <t>㉞</t>
    <phoneticPr fontId="1"/>
  </si>
  <si>
    <t>㉟</t>
    <phoneticPr fontId="1"/>
  </si>
  <si>
    <t>㊱</t>
    <phoneticPr fontId="1"/>
  </si>
  <si>
    <t>㊲</t>
    <phoneticPr fontId="1"/>
  </si>
  <si>
    <t>㊳</t>
    <phoneticPr fontId="1"/>
  </si>
  <si>
    <t>㊴</t>
    <phoneticPr fontId="1"/>
  </si>
  <si>
    <t>㊵</t>
    <phoneticPr fontId="1"/>
  </si>
  <si>
    <t>㊶</t>
    <phoneticPr fontId="1"/>
  </si>
  <si>
    <t>㊷</t>
    <phoneticPr fontId="1"/>
  </si>
  <si>
    <t>㊻</t>
    <phoneticPr fontId="1"/>
  </si>
  <si>
    <t>㊼</t>
    <phoneticPr fontId="1"/>
  </si>
  <si>
    <t>【⑳】</t>
    <phoneticPr fontId="1"/>
  </si>
  <si>
    <t>㉕</t>
    <phoneticPr fontId="1"/>
  </si>
  <si>
    <t>㊹給　食</t>
    <rPh sb="1" eb="2">
      <t>キュウ</t>
    </rPh>
    <rPh sb="3" eb="4">
      <t>ショク</t>
    </rPh>
    <phoneticPr fontId="1"/>
  </si>
  <si>
    <t>㊺</t>
    <phoneticPr fontId="1"/>
  </si>
  <si>
    <t>【 59 】</t>
    <phoneticPr fontId="1"/>
  </si>
  <si>
    <t>【 ㊽ 、㊿ 】</t>
    <phoneticPr fontId="1"/>
  </si>
  <si>
    <t>【㊹】</t>
    <phoneticPr fontId="1"/>
  </si>
  <si>
    <t>【㊵】</t>
    <phoneticPr fontId="1"/>
  </si>
  <si>
    <t>【㊴】</t>
    <phoneticPr fontId="1"/>
  </si>
  <si>
    <t>【㊳】</t>
    <phoneticPr fontId="1"/>
  </si>
  <si>
    <t>【㉔】</t>
    <phoneticPr fontId="1"/>
  </si>
  <si>
    <t>【㉓】</t>
    <phoneticPr fontId="1"/>
  </si>
  <si>
    <t>【㉒】</t>
    <phoneticPr fontId="1"/>
  </si>
  <si>
    <t>【㉑】</t>
    <phoneticPr fontId="1"/>
  </si>
  <si>
    <t>【⑱】　</t>
    <phoneticPr fontId="1"/>
  </si>
  <si>
    <t>【⑥】</t>
    <phoneticPr fontId="1"/>
  </si>
  <si>
    <t>㊳については、１日に保育する乳幼児の数が５人以下の施設は必ず記入すること。</t>
    <rPh sb="8" eb="9">
      <t>ニチ</t>
    </rPh>
    <rPh sb="10" eb="12">
      <t>ホイク</t>
    </rPh>
    <rPh sb="14" eb="17">
      <t>ニュウヨウジ</t>
    </rPh>
    <rPh sb="18" eb="19">
      <t>カズ</t>
    </rPh>
    <rPh sb="21" eb="24">
      <t>ニンイカ</t>
    </rPh>
    <rPh sb="25" eb="27">
      <t>シセツ</t>
    </rPh>
    <rPh sb="28" eb="29">
      <t>カナラ</t>
    </rPh>
    <rPh sb="30" eb="32">
      <t>キニュウ</t>
    </rPh>
    <phoneticPr fontId="1"/>
  </si>
  <si>
    <t>㊸衛生管理</t>
    <rPh sb="1" eb="3">
      <t>エイセイ</t>
    </rPh>
    <rPh sb="3" eb="5">
      <t>カンリ</t>
    </rPh>
    <phoneticPr fontId="1"/>
  </si>
  <si>
    <t>令和</t>
    <phoneticPr fontId="1"/>
  </si>
  <si>
    <t>平成
令和</t>
    <rPh sb="0" eb="2">
      <t>ヘイセイ</t>
    </rPh>
    <rPh sb="3" eb="5">
      <t>レイワ</t>
    </rPh>
    <phoneticPr fontId="1"/>
  </si>
  <si>
    <t>※元号は、いずれかに〇を付けてください</t>
    <rPh sb="1" eb="3">
      <t>ゲンゴウ</t>
    </rPh>
    <rPh sb="12" eb="13">
      <t>ツ</t>
    </rPh>
    <phoneticPr fontId="1"/>
  </si>
  <si>
    <t>（令和</t>
    <phoneticPr fontId="1"/>
  </si>
  <si>
    <t>有 ( 届出年月日  令和    年   月    日  ・  未届   )</t>
    <phoneticPr fontId="1"/>
  </si>
  <si>
    <t>　①事業所の名称</t>
    <phoneticPr fontId="1"/>
  </si>
  <si>
    <t>代表者名</t>
    <phoneticPr fontId="1"/>
  </si>
  <si>
    <t>・日用品・文房具費</t>
    <rPh sb="1" eb="4">
      <t>ニチヨウヒン</t>
    </rPh>
    <rPh sb="5" eb="8">
      <t>ブンボウグ</t>
    </rPh>
    <rPh sb="8" eb="9">
      <t>ヒ</t>
    </rPh>
    <phoneticPr fontId="1"/>
  </si>
  <si>
    <t>・行事参加費</t>
    <rPh sb="1" eb="3">
      <t>ギョウジ</t>
    </rPh>
    <rPh sb="3" eb="6">
      <t>サンカヒ</t>
    </rPh>
    <phoneticPr fontId="1"/>
  </si>
  <si>
    <t>・通園送迎費</t>
    <rPh sb="1" eb="3">
      <t>ツウエン</t>
    </rPh>
    <rPh sb="3" eb="5">
      <t>ソウゲイ</t>
    </rPh>
    <rPh sb="5" eb="6">
      <t>ヒ</t>
    </rPh>
    <phoneticPr fontId="1"/>
  </si>
  <si>
    <t>⑮定員</t>
    <phoneticPr fontId="1"/>
  </si>
  <si>
    <t>（　　　）</t>
    <phoneticPr fontId="1"/>
  </si>
  <si>
    <t>（　　　）</t>
  </si>
  <si>
    <t>基準で定める研修</t>
    <rPh sb="0" eb="2">
      <t>キジュン</t>
    </rPh>
    <rPh sb="3" eb="4">
      <t>サダ</t>
    </rPh>
    <phoneticPr fontId="1"/>
  </si>
  <si>
    <t>修了者</t>
    <phoneticPr fontId="1"/>
  </si>
  <si>
    <t>（</t>
    <phoneticPr fontId="1"/>
  </si>
  <si>
    <t>　</t>
    <phoneticPr fontId="1"/>
  </si>
  <si>
    <t>）</t>
    <phoneticPr fontId="1"/>
  </si>
  <si>
    <t>（内訳）</t>
    <rPh sb="1" eb="3">
      <t>ウチワケ</t>
    </rPh>
    <phoneticPr fontId="1"/>
  </si>
  <si>
    <t>常用</t>
    <phoneticPr fontId="1"/>
  </si>
  <si>
    <t>避難用</t>
    <phoneticPr fontId="1"/>
  </si>
  <si>
    <t>（下表の設備が保育室等の各部分から30ｍ以下に設けられている。）</t>
    <rPh sb="1" eb="3">
      <t>カヒョウ</t>
    </rPh>
    <rPh sb="4" eb="6">
      <t>セツビ</t>
    </rPh>
    <rPh sb="7" eb="10">
      <t>ホイクシツ</t>
    </rPh>
    <rPh sb="10" eb="11">
      <t>トウ</t>
    </rPh>
    <rPh sb="12" eb="15">
      <t>カクブブン</t>
    </rPh>
    <phoneticPr fontId="1"/>
  </si>
  <si>
    <t>企業主導型保育事業による運営費助成（予定）の有無</t>
    <rPh sb="0" eb="2">
      <t>キギョウ</t>
    </rPh>
    <rPh sb="2" eb="5">
      <t>シュドウガタ</t>
    </rPh>
    <rPh sb="5" eb="7">
      <t>ホイク</t>
    </rPh>
    <rPh sb="7" eb="9">
      <t>ジギョウ</t>
    </rPh>
    <rPh sb="12" eb="14">
      <t>ウンエイ</t>
    </rPh>
    <rPh sb="14" eb="15">
      <t>ヒ</t>
    </rPh>
    <rPh sb="15" eb="17">
      <t>ジョセイ</t>
    </rPh>
    <rPh sb="18" eb="20">
      <t>ヨテイ</t>
    </rPh>
    <rPh sb="22" eb="24">
      <t>ウム</t>
    </rPh>
    <phoneticPr fontId="1"/>
  </si>
  <si>
    <t>（添付書類）</t>
    <rPh sb="1" eb="3">
      <t>テンプ</t>
    </rPh>
    <rPh sb="3" eb="5">
      <t>ショルイ</t>
    </rPh>
    <phoneticPr fontId="1"/>
  </si>
  <si>
    <t>1　（利用料金の記載に当たり、当様式により難い場合）利用形態別・年齢別料金がわかる書類</t>
    <rPh sb="3" eb="5">
      <t>リヨウ</t>
    </rPh>
    <rPh sb="5" eb="7">
      <t>リョウキン</t>
    </rPh>
    <rPh sb="8" eb="10">
      <t>キサイ</t>
    </rPh>
    <rPh sb="11" eb="12">
      <t>ア</t>
    </rPh>
    <rPh sb="15" eb="16">
      <t>トウ</t>
    </rPh>
    <rPh sb="16" eb="18">
      <t>ヨウシキ</t>
    </rPh>
    <rPh sb="21" eb="22">
      <t>ガタ</t>
    </rPh>
    <rPh sb="23" eb="25">
      <t>バアイ</t>
    </rPh>
    <rPh sb="26" eb="28">
      <t>リヨウ</t>
    </rPh>
    <rPh sb="28" eb="31">
      <t>ケイタイベツ</t>
    </rPh>
    <rPh sb="32" eb="35">
      <t>ネンレイベツ</t>
    </rPh>
    <rPh sb="35" eb="37">
      <t>リョウキン</t>
    </rPh>
    <rPh sb="41" eb="43">
      <t>ショルイ</t>
    </rPh>
    <phoneticPr fontId="1"/>
  </si>
  <si>
    <t>2　有資格者（保育士、看護師・准看護師）について、保育士登録証の写し等の資格が確認できる書類</t>
    <rPh sb="2" eb="6">
      <t>ユウシカクシャ</t>
    </rPh>
    <rPh sb="7" eb="10">
      <t>ホイクシ</t>
    </rPh>
    <rPh sb="11" eb="14">
      <t>カンゴシ</t>
    </rPh>
    <rPh sb="15" eb="19">
      <t>ジュンカンゴシ</t>
    </rPh>
    <phoneticPr fontId="1"/>
  </si>
  <si>
    <t>6　施設平面図、パンフレットなど施設の運営状況を把握する上で参考となる資料</t>
    <rPh sb="2" eb="4">
      <t>シセツ</t>
    </rPh>
    <rPh sb="4" eb="7">
      <t>ヘイメンズ</t>
    </rPh>
    <rPh sb="16" eb="18">
      <t>シセツ</t>
    </rPh>
    <rPh sb="19" eb="21">
      <t>ウンエイ</t>
    </rPh>
    <rPh sb="21" eb="23">
      <t>ジョウキョウ</t>
    </rPh>
    <rPh sb="24" eb="26">
      <t>ハアク</t>
    </rPh>
    <rPh sb="28" eb="29">
      <t>ウエ</t>
    </rPh>
    <rPh sb="30" eb="32">
      <t>サンコウ</t>
    </rPh>
    <rPh sb="35" eb="37">
      <t>シリョウ</t>
    </rPh>
    <phoneticPr fontId="1"/>
  </si>
  <si>
    <t>4　マッチングサイトを利用する場合、マッチングサイトにより提供するサービスの内容に関する情報を伝達等していることが分かる書類</t>
    <rPh sb="11" eb="13">
      <t>リヨウ</t>
    </rPh>
    <rPh sb="15" eb="17">
      <t>バアイ</t>
    </rPh>
    <phoneticPr fontId="1"/>
  </si>
  <si>
    <t>5　企業主導型保育事業による運営費助成を受ける予定の場合は、通知され次第、企業主導型保育事業運営費助成決定通知書</t>
    <phoneticPr fontId="1"/>
  </si>
  <si>
    <t>　企業主導型保育事業による運営費助成（予定）の有無を記入してください。助成を受ける予定の場合は、「企業主導型保育事業運営費助成決定通知書」を後日添付してください。</t>
    <phoneticPr fontId="1"/>
  </si>
  <si>
    <t>【 60 】</t>
    <phoneticPr fontId="1"/>
  </si>
  <si>
    <t>※事業所内保育（企業主導型含む）の場合、（　）内にはその雇用する労働者の監護する乳幼児以外の定員を再掲すること。</t>
    <rPh sb="1" eb="7">
      <t>ジギョウショナイホイク</t>
    </rPh>
    <rPh sb="8" eb="13">
      <t>キギョウシュドウガタ</t>
    </rPh>
    <rPh sb="13" eb="14">
      <t>フク</t>
    </rPh>
    <phoneticPr fontId="1"/>
  </si>
  <si>
    <t>⑮-2</t>
    <phoneticPr fontId="1"/>
  </si>
  <si>
    <t>内訳</t>
    <rPh sb="0" eb="2">
      <t>ウチワケ</t>
    </rPh>
    <phoneticPr fontId="1"/>
  </si>
  <si>
    <t>従業員枠</t>
    <rPh sb="0" eb="3">
      <t>ジュウギョウイン</t>
    </rPh>
    <rPh sb="3" eb="4">
      <t>ワク</t>
    </rPh>
    <phoneticPr fontId="1"/>
  </si>
  <si>
    <t>地域枠</t>
    <rPh sb="0" eb="2">
      <t>チイキ</t>
    </rPh>
    <rPh sb="2" eb="3">
      <t>ワク</t>
    </rPh>
    <phoneticPr fontId="1"/>
  </si>
  <si>
    <t>※企業主導型である場合には、⑮-2に従業員枠・地域枠の内訳を記載すること。</t>
    <rPh sb="1" eb="6">
      <t>キギョウシュドウガタ</t>
    </rPh>
    <rPh sb="9" eb="11">
      <t>バアイ</t>
    </rPh>
    <rPh sb="18" eb="21">
      <t>ジュウギョウイン</t>
    </rPh>
    <rPh sb="21" eb="22">
      <t>ワク</t>
    </rPh>
    <rPh sb="23" eb="25">
      <t>チイキ</t>
    </rPh>
    <rPh sb="25" eb="26">
      <t>ワク</t>
    </rPh>
    <rPh sb="27" eb="29">
      <t>ウチワケ</t>
    </rPh>
    <rPh sb="30" eb="32">
      <t>キサイ</t>
    </rPh>
    <phoneticPr fontId="1"/>
  </si>
  <si>
    <t>　②事業所の所在地</t>
    <phoneticPr fontId="1"/>
  </si>
  <si>
    <t>〒</t>
    <phoneticPr fontId="1"/>
  </si>
  <si>
    <t>Tel</t>
    <phoneticPr fontId="1"/>
  </si>
  <si>
    <t>メール
アドレス</t>
    <phoneticPr fontId="1"/>
  </si>
  <si>
    <t>バス</t>
    <phoneticPr fontId="1"/>
  </si>
  <si>
    <t>　③設置者名</t>
    <phoneticPr fontId="1"/>
  </si>
  <si>
    <t>設置者住所</t>
    <phoneticPr fontId="1"/>
  </si>
  <si>
    <t>管理者名</t>
    <phoneticPr fontId="1"/>
  </si>
  <si>
    <t>管理者住所</t>
    <phoneticPr fontId="1"/>
  </si>
  <si>
    <t>事業開始年月日</t>
    <phoneticPr fontId="1"/>
  </si>
  <si>
    <t>⑭ 利 用 料 金</t>
    <phoneticPr fontId="1"/>
  </si>
  <si>
    <t>　本県と連絡をとる際に使用しますので、連絡のとりやすいメールアドレスを記入してください。</t>
    <rPh sb="1" eb="3">
      <t>ホンケン</t>
    </rPh>
    <rPh sb="4" eb="6">
      <t>レンラク</t>
    </rPh>
    <rPh sb="9" eb="10">
      <t>サイ</t>
    </rPh>
    <rPh sb="11" eb="13">
      <t>シヨウ</t>
    </rPh>
    <rPh sb="19" eb="21">
      <t>レンラク</t>
    </rPh>
    <rPh sb="35" eb="37">
      <t>キニュウ</t>
    </rPh>
    <phoneticPr fontId="1"/>
  </si>
  <si>
    <t>3　私設保育施設指導監督基準１（２）イで定める研修の修了者について、修了証書等の研修修了が確認できる書類</t>
    <rPh sb="2" eb="4">
      <t>シセツ</t>
    </rPh>
    <rPh sb="4" eb="6">
      <t>ホイク</t>
    </rPh>
    <rPh sb="6" eb="8">
      <t>シセツ</t>
    </rPh>
    <rPh sb="8" eb="10">
      <t>シドウ</t>
    </rPh>
    <rPh sb="10" eb="12">
      <t>カントク</t>
    </rPh>
    <rPh sb="12" eb="14">
      <t>キジュン</t>
    </rPh>
    <rPh sb="34" eb="37">
      <t>シュウリョウショウ</t>
    </rPh>
    <rPh sb="37" eb="38">
      <t>ショ</t>
    </rPh>
    <rPh sb="38" eb="39">
      <t>トウ</t>
    </rPh>
    <rPh sb="40" eb="42">
      <t>ケンシュウ</t>
    </rPh>
    <rPh sb="42" eb="44">
      <t>シュウリョウ</t>
    </rPh>
    <rPh sb="45" eb="47">
      <t>カクニン</t>
    </rPh>
    <rPh sb="50" eb="52">
      <t>ショルイ</t>
    </rPh>
    <phoneticPr fontId="1"/>
  </si>
  <si>
    <t>【②】</t>
    <phoneticPr fontId="1"/>
  </si>
  <si>
    <t>（下表の区分ごとに掲げる設備がそれぞれ
　１つ以上設けられている）</t>
    <phoneticPr fontId="1"/>
  </si>
  <si>
    <t>（下表の区分ごとに掲げる設備が保育室等か
　ら30m以内にそれぞれ１つ以上設けられている）</t>
    <phoneticPr fontId="1"/>
  </si>
  <si>
    <t>乳幼児突然死症候群に対する注意</t>
    <phoneticPr fontId="1"/>
  </si>
  <si>
    <t xml:space="preserve">  定員について特に定めがない場合には、貴施設において職員配置や設備の面を考慮して同時に保育を行うことが可能な人数を記入してください。また、事業所内保育（企業主導型含む）の場合、（　）内にはその雇用する労働者の監護する乳幼児以外の定員を再掲してください。</t>
    <rPh sb="21" eb="23">
      <t>シセツ</t>
    </rPh>
    <rPh sb="32" eb="34">
      <t>セツビ</t>
    </rPh>
    <rPh sb="35" eb="36">
      <t>メン</t>
    </rPh>
    <rPh sb="70" eb="76">
      <t>ジギョウショナイホイク</t>
    </rPh>
    <rPh sb="77" eb="83">
      <t>キギョウシュドウガタフク</t>
    </rPh>
    <phoneticPr fontId="1"/>
  </si>
  <si>
    <t>　運営状況報告記入日現在の満年齢により、年齢別の児童数を記入してください。一時預かりの児童も含みます。一時預かりの児童数は（　）内に再掲してください。「学童」は運営状況報告記入日に預かった小学生以上の児童数を記入してください。</t>
    <rPh sb="90" eb="91">
      <t>アズ</t>
    </rPh>
    <phoneticPr fontId="1"/>
  </si>
  <si>
    <t xml:space="preserve">  運営状況報告記入日において職務に従事している全ての職員について配置数を記入し、うち、実際保育に従事している職員については、常勤換算（有資格者及び有資格者以外の職員別にそれぞれの勤務延べ時間数の合計を８時間で割ったもの）したものを記入してください。なお、施設長についても実際に保育に従事している場合はこれに含めてください。</t>
    <rPh sb="128" eb="130">
      <t>シセツ</t>
    </rPh>
    <phoneticPr fontId="1"/>
  </si>
  <si>
    <t>　保育に従事している職員の有資格者数並びに私設保育施設指導監督基準１（２）イで定める研修の修了者について記入してください。なお、施設長についても実際に保育に従事している場合は記入してください。</t>
    <rPh sb="1" eb="3">
      <t>ホイク</t>
    </rPh>
    <rPh sb="4" eb="6">
      <t>ジュウジ</t>
    </rPh>
    <rPh sb="10" eb="12">
      <t>ショクイン</t>
    </rPh>
    <rPh sb="13" eb="17">
      <t>ユウシカクシャ</t>
    </rPh>
    <rPh sb="17" eb="18">
      <t>スウ</t>
    </rPh>
    <rPh sb="18" eb="19">
      <t>ナラ</t>
    </rPh>
    <rPh sb="21" eb="23">
      <t>シセツ</t>
    </rPh>
    <rPh sb="23" eb="25">
      <t>ホイク</t>
    </rPh>
    <rPh sb="25" eb="27">
      <t>シセツ</t>
    </rPh>
    <rPh sb="27" eb="29">
      <t>シドウ</t>
    </rPh>
    <rPh sb="29" eb="31">
      <t>カントク</t>
    </rPh>
    <rPh sb="31" eb="33">
      <t>キジュン</t>
    </rPh>
    <rPh sb="39" eb="40">
      <t>サダ</t>
    </rPh>
    <rPh sb="42" eb="44">
      <t>ケンシュウ</t>
    </rPh>
    <rPh sb="45" eb="48">
      <t>シュウリョウシャ</t>
    </rPh>
    <rPh sb="52" eb="54">
      <t>キニュウ</t>
    </rPh>
    <rPh sb="87" eb="89">
      <t>キニュウ</t>
    </rPh>
    <phoneticPr fontId="1"/>
  </si>
  <si>
    <t>　児童の健康診断、職員の健康診断のうち、「入所後」、「採用後」については、運営状況報告記入日の年度の実施状況で、それぞれあてはまるもの１つを○で囲んでください。</t>
    <rPh sb="21" eb="24">
      <t>ニュウショゴ</t>
    </rPh>
    <rPh sb="27" eb="30">
      <t>サイヨウゴ</t>
    </rPh>
    <rPh sb="50" eb="52">
      <t>ジッシ</t>
    </rPh>
    <rPh sb="52" eb="54">
      <t>ジョウキョウ</t>
    </rPh>
    <phoneticPr fontId="1"/>
  </si>
  <si>
    <r>
      <t>再登園にあたっての取扱い</t>
    </r>
    <r>
      <rPr>
        <sz val="8"/>
        <rFont val="ＭＳ 明朝"/>
        <family val="1"/>
        <charset val="128"/>
      </rPr>
      <t>（かかりつけ医とのやりとりを記載した書面等の提出　有　　未実施　）</t>
    </r>
    <phoneticPr fontId="1"/>
  </si>
  <si>
    <t>注：</t>
    <rPh sb="0" eb="1">
      <t>チュウ</t>
    </rPh>
    <phoneticPr fontId="1"/>
  </si>
  <si>
    <t>以下の内訳を記載するにあたって、複数の項目に該当する者（有資格者で研修も修了している、研修を複数修了している等）については、いずれかの項目にのみ計上すること。その際、有資格者については有資格者の欄に計上すること。</t>
    <rPh sb="0" eb="2">
      <t>イカ</t>
    </rPh>
    <rPh sb="19" eb="21">
      <t>コウモク</t>
    </rPh>
    <rPh sb="36" eb="38">
      <t>シュウリョウ</t>
    </rPh>
    <rPh sb="48" eb="50">
      <t>シュウリョウ</t>
    </rPh>
    <phoneticPr fontId="1"/>
  </si>
  <si>
    <t>・保育士又は看護師・准看護師の資格を有しておらず、かつ上記の研修のいずれも修了していない者</t>
    <rPh sb="1" eb="4">
      <t>ホイクシ</t>
    </rPh>
    <rPh sb="4" eb="5">
      <t>マタ</t>
    </rPh>
    <rPh sb="6" eb="9">
      <t>カンゴシ</t>
    </rPh>
    <rPh sb="10" eb="14">
      <t>ジュンカンゴシ</t>
    </rPh>
    <rPh sb="15" eb="17">
      <t>シカク</t>
    </rPh>
    <rPh sb="18" eb="19">
      <t>ユウ</t>
    </rPh>
    <rPh sb="27" eb="29">
      <t>ジョウキ</t>
    </rPh>
    <rPh sb="30" eb="32">
      <t>ケンシュウ</t>
    </rPh>
    <rPh sb="37" eb="39">
      <t>シュウリョウ</t>
    </rPh>
    <rPh sb="44" eb="45">
      <t>シャ</t>
    </rPh>
    <phoneticPr fontId="1"/>
  </si>
  <si>
    <t>人</t>
    <rPh sb="0" eb="1">
      <t>ニン</t>
    </rPh>
    <phoneticPr fontId="1"/>
  </si>
  <si>
    <t>［うち、上記の研修以外の研修を修了した者
　（研修名：　　　　　　　　　　　　　　　　　　　　　　　　　　　）</t>
    <rPh sb="4" eb="6">
      <t>ジョウキ</t>
    </rPh>
    <rPh sb="7" eb="9">
      <t>ケンシュウ</t>
    </rPh>
    <rPh sb="9" eb="11">
      <t>イガイ</t>
    </rPh>
    <rPh sb="12" eb="14">
      <t>ケンシュウ</t>
    </rPh>
    <rPh sb="15" eb="17">
      <t>シュウリョウ</t>
    </rPh>
    <rPh sb="19" eb="20">
      <t>モノ</t>
    </rPh>
    <rPh sb="23" eb="25">
      <t>ケンシュウ</t>
    </rPh>
    <rPh sb="25" eb="26">
      <t>メイ</t>
    </rPh>
    <phoneticPr fontId="1"/>
  </si>
  <si>
    <t>人］</t>
    <rPh sb="0" eb="1">
      <t>ニン</t>
    </rPh>
    <phoneticPr fontId="1"/>
  </si>
  <si>
    <t>㉑</t>
    <phoneticPr fontId="1"/>
  </si>
  <si>
    <t>設置者が過去に事業停止命令又は施設閉鎖命令を受けたか否かの別（受けたことがある場合には、その命令の内容を含む。）</t>
    <rPh sb="0" eb="2">
      <t>セッチ</t>
    </rPh>
    <rPh sb="2" eb="3">
      <t>シャ</t>
    </rPh>
    <rPh sb="4" eb="6">
      <t>カコ</t>
    </rPh>
    <rPh sb="7" eb="9">
      <t>ジギョウ</t>
    </rPh>
    <rPh sb="9" eb="11">
      <t>テイシ</t>
    </rPh>
    <rPh sb="11" eb="13">
      <t>メイレイ</t>
    </rPh>
    <rPh sb="13" eb="14">
      <t>マタ</t>
    </rPh>
    <rPh sb="15" eb="17">
      <t>シセツ</t>
    </rPh>
    <rPh sb="17" eb="19">
      <t>ヘイサ</t>
    </rPh>
    <rPh sb="19" eb="21">
      <t>メイレイ</t>
    </rPh>
    <rPh sb="22" eb="23">
      <t>ウ</t>
    </rPh>
    <rPh sb="26" eb="27">
      <t>イナ</t>
    </rPh>
    <rPh sb="29" eb="30">
      <t>ベツ</t>
    </rPh>
    <rPh sb="31" eb="32">
      <t>ウ</t>
    </rPh>
    <rPh sb="39" eb="41">
      <t>バアイ</t>
    </rPh>
    <rPh sb="46" eb="48">
      <t>メイレイ</t>
    </rPh>
    <rPh sb="49" eb="51">
      <t>ナイヨウ</t>
    </rPh>
    <rPh sb="52" eb="53">
      <t>フク</t>
    </rPh>
    <phoneticPr fontId="1"/>
  </si>
  <si>
    <t>（有の場合、その命令の内容）</t>
    <rPh sb="1" eb="2">
      <t>ユウ</t>
    </rPh>
    <rPh sb="3" eb="5">
      <t>バアイ</t>
    </rPh>
    <rPh sb="8" eb="10">
      <t>メイレイ</t>
    </rPh>
    <rPh sb="11" eb="13">
      <t>ナイヨウ</t>
    </rPh>
    <phoneticPr fontId="1"/>
  </si>
  <si>
    <t>事業停止命令</t>
    <rPh sb="0" eb="2">
      <t>ジギョウ</t>
    </rPh>
    <rPh sb="2" eb="4">
      <t>テイシ</t>
    </rPh>
    <rPh sb="4" eb="6">
      <t>メイレイ</t>
    </rPh>
    <phoneticPr fontId="1"/>
  </si>
  <si>
    <t>施設閉鎖命令</t>
    <rPh sb="0" eb="2">
      <t>シセツ</t>
    </rPh>
    <rPh sb="2" eb="4">
      <t>ヘイサ</t>
    </rPh>
    <rPh sb="4" eb="6">
      <t>メイレイ</t>
    </rPh>
    <phoneticPr fontId="1"/>
  </si>
  <si>
    <t>その命令を行った都道府県等名及び年月日</t>
    <rPh sb="8" eb="12">
      <t>トドウフケン</t>
    </rPh>
    <rPh sb="12" eb="13">
      <t>トウ</t>
    </rPh>
    <rPh sb="13" eb="14">
      <t>メイ</t>
    </rPh>
    <phoneticPr fontId="1"/>
  </si>
  <si>
    <t>（　　　　　　　　　　　　：　　　年　　月　　日）</t>
    <rPh sb="17" eb="18">
      <t>ネン</t>
    </rPh>
    <rPh sb="20" eb="21">
      <t>ツキ</t>
    </rPh>
    <rPh sb="23" eb="24">
      <t>ニチ</t>
    </rPh>
    <phoneticPr fontId="1"/>
  </si>
  <si>
    <t>　事業停止命令又は施設閉鎖命令は、法第59条第５項に規定する命令であり、法第59条の２に規定する業務を目的とする施設に対するものに限ります。</t>
    <rPh sb="17" eb="18">
      <t>ホウ</t>
    </rPh>
    <rPh sb="18" eb="19">
      <t>ダイ</t>
    </rPh>
    <rPh sb="21" eb="22">
      <t>ジョウ</t>
    </rPh>
    <rPh sb="22" eb="23">
      <t>ダイ</t>
    </rPh>
    <rPh sb="24" eb="25">
      <t>コウ</t>
    </rPh>
    <rPh sb="26" eb="28">
      <t>キテイ</t>
    </rPh>
    <rPh sb="30" eb="32">
      <t>メイレイ</t>
    </rPh>
    <rPh sb="36" eb="38">
      <t>ホウダイ</t>
    </rPh>
    <rPh sb="40" eb="41">
      <t>ジョウ</t>
    </rPh>
    <rPh sb="44" eb="46">
      <t>キテイ</t>
    </rPh>
    <rPh sb="48" eb="50">
      <t>ギョウム</t>
    </rPh>
    <rPh sb="51" eb="53">
      <t>モクテキ</t>
    </rPh>
    <rPh sb="56" eb="58">
      <t>シセツ</t>
    </rPh>
    <rPh sb="59" eb="60">
      <t>タイ</t>
    </rPh>
    <rPh sb="65" eb="66">
      <t>カギ</t>
    </rPh>
    <phoneticPr fontId="1"/>
  </si>
  <si>
    <t>【 61 】</t>
    <phoneticPr fontId="1"/>
  </si>
  <si>
    <t>・保育士</t>
    <rPh sb="1" eb="4">
      <t>ホイクシ</t>
    </rPh>
    <phoneticPr fontId="1"/>
  </si>
  <si>
    <t>・看護師・准看護師</t>
    <rPh sb="1" eb="4">
      <t>カンゴシ</t>
    </rPh>
    <rPh sb="5" eb="9">
      <t>ジュンカンゴシ</t>
    </rPh>
    <phoneticPr fontId="1"/>
  </si>
  <si>
    <t>・居宅訪問型保育研修（基礎研修）修了者</t>
    <rPh sb="1" eb="3">
      <t>キョタク</t>
    </rPh>
    <rPh sb="3" eb="6">
      <t>ホウモンガタ</t>
    </rPh>
    <rPh sb="6" eb="8">
      <t>ホイク</t>
    </rPh>
    <rPh sb="8" eb="10">
      <t>ケンシュウ</t>
    </rPh>
    <rPh sb="11" eb="13">
      <t>キソ</t>
    </rPh>
    <rPh sb="13" eb="15">
      <t>ケンシュウ</t>
    </rPh>
    <rPh sb="16" eb="19">
      <t>シュウリョウシャ</t>
    </rPh>
    <phoneticPr fontId="1"/>
  </si>
  <si>
    <t>・子育て支援員研修（地域保育コース）修了者</t>
    <rPh sb="1" eb="3">
      <t>コソダ</t>
    </rPh>
    <rPh sb="4" eb="7">
      <t>シエンイン</t>
    </rPh>
    <rPh sb="7" eb="9">
      <t>ケンシュウ</t>
    </rPh>
    <rPh sb="10" eb="12">
      <t>チイキ</t>
    </rPh>
    <rPh sb="12" eb="14">
      <t>ホイク</t>
    </rPh>
    <rPh sb="18" eb="21">
      <t>シュウリョウシャ</t>
    </rPh>
    <phoneticPr fontId="1"/>
  </si>
  <si>
    <t>・家庭的保育者等研修（基礎研修）修了者</t>
    <rPh sb="1" eb="3">
      <t>カテイ</t>
    </rPh>
    <rPh sb="3" eb="4">
      <t>テキ</t>
    </rPh>
    <rPh sb="4" eb="7">
      <t>ホイクシャ</t>
    </rPh>
    <rPh sb="7" eb="8">
      <t>トウ</t>
    </rPh>
    <rPh sb="8" eb="10">
      <t>ケンシュウ</t>
    </rPh>
    <rPh sb="11" eb="13">
      <t>キソ</t>
    </rPh>
    <rPh sb="13" eb="15">
      <t>ケンシュウ</t>
    </rPh>
    <rPh sb="16" eb="19">
      <t>シュウリョウシャ</t>
    </rPh>
    <phoneticPr fontId="1"/>
  </si>
  <si>
    <t>・基準で定めるその他の研修（都道府県知事等が同等以上のものとして取り扱うものを含む。）を修了した者
（研修名：　　　　　　　　　　　　　　　　　　　　　　　　　）</t>
    <rPh sb="1" eb="3">
      <t>キジュン</t>
    </rPh>
    <rPh sb="4" eb="5">
      <t>サダ</t>
    </rPh>
    <rPh sb="9" eb="10">
      <t>ホカ</t>
    </rPh>
    <rPh sb="11" eb="13">
      <t>ケンシュウ</t>
    </rPh>
    <rPh sb="14" eb="18">
      <t>トドウフケン</t>
    </rPh>
    <rPh sb="18" eb="20">
      <t>チジ</t>
    </rPh>
    <rPh sb="20" eb="21">
      <t>トウ</t>
    </rPh>
    <rPh sb="22" eb="24">
      <t>ドウトウ</t>
    </rPh>
    <rPh sb="24" eb="26">
      <t>イジョウ</t>
    </rPh>
    <rPh sb="32" eb="33">
      <t>ト</t>
    </rPh>
    <rPh sb="34" eb="35">
      <t>アツカ</t>
    </rPh>
    <rPh sb="39" eb="40">
      <t>フク</t>
    </rPh>
    <rPh sb="44" eb="46">
      <t>シュウリョウ</t>
    </rPh>
    <rPh sb="48" eb="49">
      <t>シャ</t>
    </rPh>
    <rPh sb="51" eb="53">
      <t>ケンシュウ</t>
    </rPh>
    <rPh sb="53" eb="54">
      <t>メイ</t>
    </rPh>
    <phoneticPr fontId="1"/>
  </si>
  <si>
    <t>62　保　育　従　事　者　の　状　況</t>
    <rPh sb="3" eb="4">
      <t>タモツ</t>
    </rPh>
    <rPh sb="5" eb="6">
      <t>イク</t>
    </rPh>
    <rPh sb="7" eb="8">
      <t>ジュウ</t>
    </rPh>
    <rPh sb="9" eb="10">
      <t>コト</t>
    </rPh>
    <rPh sb="11" eb="12">
      <t>シャ</t>
    </rPh>
    <rPh sb="15" eb="16">
      <t>ジョウ</t>
    </rPh>
    <rPh sb="17" eb="18">
      <t>キョ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quot;△ &quot;#,##0"/>
    <numFmt numFmtId="177" formatCode="#,##0_ ;[Red]\-#,##0\ "/>
  </numFmts>
  <fonts count="13">
    <font>
      <sz val="11"/>
      <name val="ＭＳ Ｐゴシック"/>
      <family val="3"/>
      <charset val="128"/>
    </font>
    <font>
      <sz val="6"/>
      <name val="ＭＳ Ｐゴシック"/>
      <family val="3"/>
      <charset val="128"/>
    </font>
    <font>
      <sz val="8"/>
      <name val="ＭＳ 明朝"/>
      <family val="1"/>
      <charset val="128"/>
    </font>
    <font>
      <sz val="11"/>
      <name val="ＭＳ 明朝"/>
      <family val="1"/>
      <charset val="128"/>
    </font>
    <font>
      <sz val="10"/>
      <name val="ＭＳ 明朝"/>
      <family val="1"/>
      <charset val="128"/>
    </font>
    <font>
      <sz val="9"/>
      <name val="ＭＳ 明朝"/>
      <family val="1"/>
      <charset val="128"/>
    </font>
    <font>
      <sz val="7"/>
      <name val="ＭＳ 明朝"/>
      <family val="1"/>
      <charset val="128"/>
    </font>
    <font>
      <sz val="12"/>
      <name val="平成ゴシック"/>
      <family val="3"/>
      <charset val="128"/>
    </font>
    <font>
      <sz val="16"/>
      <name val="ＭＳ 明朝"/>
      <family val="1"/>
      <charset val="128"/>
    </font>
    <font>
      <sz val="10.5"/>
      <name val="ＭＳ 明朝"/>
      <family val="1"/>
      <charset val="128"/>
    </font>
    <font>
      <sz val="6"/>
      <name val="ＭＳ 明朝"/>
      <family val="1"/>
      <charset val="128"/>
    </font>
    <font>
      <strike/>
      <sz val="11"/>
      <name val="ＭＳ 明朝"/>
      <family val="1"/>
      <charset val="128"/>
    </font>
    <font>
      <sz val="9"/>
      <name val="ＭＳ Ｐゴシック"/>
      <family val="3"/>
      <charset val="128"/>
    </font>
  </fonts>
  <fills count="2">
    <fill>
      <patternFill patternType="none"/>
    </fill>
    <fill>
      <patternFill patternType="gray125"/>
    </fill>
  </fills>
  <borders count="95">
    <border>
      <left/>
      <right/>
      <top/>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hair">
        <color indexed="64"/>
      </left>
      <right/>
      <top style="dashed">
        <color indexed="64"/>
      </top>
      <bottom style="thin">
        <color indexed="64"/>
      </bottom>
      <diagonal/>
    </border>
    <border>
      <left/>
      <right style="hair">
        <color indexed="64"/>
      </right>
      <top style="dashed">
        <color indexed="64"/>
      </top>
      <bottom style="thin">
        <color indexed="64"/>
      </bottom>
      <diagonal/>
    </border>
    <border>
      <left/>
      <right style="hair">
        <color indexed="64"/>
      </right>
      <top style="thin">
        <color indexed="64"/>
      </top>
      <bottom style="dashed">
        <color indexed="64"/>
      </bottom>
      <diagonal/>
    </border>
    <border>
      <left style="hair">
        <color indexed="64"/>
      </left>
      <right/>
      <top style="thin">
        <color indexed="64"/>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thin">
        <color indexed="64"/>
      </bottom>
      <diagonal/>
    </border>
    <border>
      <left/>
      <right style="dashed">
        <color indexed="64"/>
      </right>
      <top style="dashed">
        <color indexed="64"/>
      </top>
      <bottom style="dashed">
        <color indexed="64"/>
      </bottom>
      <diagonal/>
    </border>
    <border>
      <left/>
      <right style="dashed">
        <color indexed="64"/>
      </right>
      <top style="dashed">
        <color indexed="64"/>
      </top>
      <bottom style="thin">
        <color indexed="64"/>
      </bottom>
      <diagonal/>
    </border>
    <border>
      <left/>
      <right style="dashed">
        <color indexed="64"/>
      </right>
      <top style="thin">
        <color indexed="64"/>
      </top>
      <bottom style="dashed">
        <color indexed="64"/>
      </bottom>
      <diagonal/>
    </border>
    <border>
      <left style="dashed">
        <color indexed="64"/>
      </left>
      <right/>
      <top style="thin">
        <color indexed="64"/>
      </top>
      <bottom style="dashed">
        <color indexed="64"/>
      </bottom>
      <diagonal/>
    </border>
    <border>
      <left style="dashed">
        <color indexed="64"/>
      </left>
      <right/>
      <top style="thin">
        <color indexed="64"/>
      </top>
      <bottom/>
      <diagonal/>
    </border>
    <border>
      <left style="dashed">
        <color indexed="64"/>
      </left>
      <right/>
      <top/>
      <bottom/>
      <diagonal/>
    </border>
    <border>
      <left style="dashed">
        <color indexed="64"/>
      </left>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style="thin">
        <color indexed="64"/>
      </bottom>
      <diagonal/>
    </border>
    <border>
      <left/>
      <right style="hair">
        <color indexed="64"/>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style="hair">
        <color indexed="64"/>
      </left>
      <right/>
      <top style="hair">
        <color indexed="64"/>
      </top>
      <bottom style="hair">
        <color indexed="64"/>
      </bottom>
      <diagonal/>
    </border>
    <border>
      <left style="hair">
        <color indexed="64"/>
      </left>
      <right/>
      <top/>
      <bottom/>
      <diagonal/>
    </border>
    <border>
      <left/>
      <right/>
      <top style="hair">
        <color indexed="64"/>
      </top>
      <bottom style="hair">
        <color indexed="64"/>
      </bottom>
      <diagonal/>
    </border>
    <border>
      <left style="hair">
        <color indexed="64"/>
      </left>
      <right style="hair">
        <color indexed="64"/>
      </right>
      <top/>
      <bottom style="hair">
        <color indexed="64"/>
      </bottom>
      <diagonal/>
    </border>
    <border>
      <left/>
      <right style="thin">
        <color indexed="64"/>
      </right>
      <top style="hair">
        <color indexed="64"/>
      </top>
      <bottom style="hair">
        <color indexed="64"/>
      </bottom>
      <diagonal/>
    </border>
    <border>
      <left style="hair">
        <color indexed="64"/>
      </left>
      <right/>
      <top style="thin">
        <color indexed="64"/>
      </top>
      <bottom/>
      <diagonal/>
    </border>
    <border>
      <left style="hair">
        <color indexed="64"/>
      </left>
      <right/>
      <top style="thin">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style="thin">
        <color indexed="64"/>
      </top>
      <bottom style="thin">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right/>
      <top style="dotted">
        <color indexed="64"/>
      </top>
      <bottom style="dashed">
        <color indexed="64"/>
      </bottom>
      <diagonal/>
    </border>
    <border diagonalDown="1">
      <left style="thin">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style="dashed">
        <color indexed="64"/>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style="dashed">
        <color indexed="64"/>
      </right>
      <top style="thin">
        <color indexed="64"/>
      </top>
      <bottom/>
      <diagonal/>
    </border>
    <border>
      <left/>
      <right style="dashed">
        <color indexed="64"/>
      </right>
      <top/>
      <bottom/>
      <diagonal/>
    </border>
    <border>
      <left/>
      <right style="dashed">
        <color indexed="64"/>
      </right>
      <top/>
      <bottom style="thin">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style="thin">
        <color indexed="64"/>
      </left>
      <right/>
      <top style="dotted">
        <color indexed="64"/>
      </top>
      <bottom style="dashed">
        <color indexed="64"/>
      </bottom>
      <diagonal/>
    </border>
    <border>
      <left/>
      <right style="thin">
        <color indexed="64"/>
      </right>
      <top style="dotted">
        <color indexed="64"/>
      </top>
      <bottom style="dashed">
        <color indexed="64"/>
      </bottom>
      <diagonal/>
    </border>
  </borders>
  <cellStyleXfs count="1">
    <xf numFmtId="0" fontId="0" fillId="0" borderId="0"/>
  </cellStyleXfs>
  <cellXfs count="605">
    <xf numFmtId="0" fontId="0" fillId="0" borderId="0" xfId="0"/>
    <xf numFmtId="176" fontId="2" fillId="0" borderId="0" xfId="0" applyNumberFormat="1" applyFont="1" applyFill="1" applyBorder="1" applyAlignment="1">
      <alignment vertical="center"/>
    </xf>
    <xf numFmtId="176" fontId="3" fillId="0" borderId="5" xfId="0" applyNumberFormat="1" applyFont="1" applyFill="1" applyBorder="1" applyAlignment="1">
      <alignment vertical="center"/>
    </xf>
    <xf numFmtId="176" fontId="3" fillId="0" borderId="11" xfId="0" applyNumberFormat="1" applyFont="1" applyFill="1" applyBorder="1" applyAlignment="1">
      <alignment vertical="center"/>
    </xf>
    <xf numFmtId="176" fontId="3" fillId="0" borderId="18" xfId="0" applyNumberFormat="1" applyFont="1" applyFill="1" applyBorder="1" applyAlignment="1">
      <alignment vertical="center"/>
    </xf>
    <xf numFmtId="176" fontId="3" fillId="0" borderId="20" xfId="0" applyNumberFormat="1" applyFont="1" applyFill="1" applyBorder="1" applyAlignment="1">
      <alignment vertical="center"/>
    </xf>
    <xf numFmtId="176" fontId="3" fillId="0" borderId="4" xfId="0" applyNumberFormat="1" applyFont="1" applyFill="1" applyBorder="1" applyAlignment="1">
      <alignment vertical="center"/>
    </xf>
    <xf numFmtId="176" fontId="3" fillId="0" borderId="6"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27" xfId="0" applyNumberFormat="1" applyFont="1" applyFill="1" applyBorder="1" applyAlignment="1">
      <alignment vertical="center"/>
    </xf>
    <xf numFmtId="176" fontId="3" fillId="0" borderId="29"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26"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23" xfId="0" applyNumberFormat="1" applyFont="1" applyFill="1" applyBorder="1" applyAlignment="1">
      <alignment vertical="center"/>
    </xf>
    <xf numFmtId="176" fontId="3" fillId="0" borderId="9" xfId="0" applyNumberFormat="1" applyFont="1" applyFill="1" applyBorder="1" applyAlignment="1">
      <alignment horizontal="right" vertical="center"/>
    </xf>
    <xf numFmtId="176" fontId="3" fillId="0" borderId="36" xfId="0" applyNumberFormat="1" applyFont="1" applyFill="1" applyBorder="1" applyAlignment="1">
      <alignment vertical="center"/>
    </xf>
    <xf numFmtId="176" fontId="3" fillId="0" borderId="28" xfId="0" applyNumberFormat="1" applyFont="1" applyFill="1" applyBorder="1" applyAlignment="1">
      <alignment vertical="center"/>
    </xf>
    <xf numFmtId="176" fontId="4" fillId="0" borderId="3" xfId="0" applyNumberFormat="1" applyFont="1" applyFill="1" applyBorder="1" applyAlignment="1">
      <alignment horizontal="distributed" vertical="center"/>
    </xf>
    <xf numFmtId="176" fontId="3" fillId="0" borderId="37" xfId="0" applyNumberFormat="1" applyFont="1" applyFill="1" applyBorder="1" applyAlignment="1">
      <alignment vertical="center"/>
    </xf>
    <xf numFmtId="176" fontId="3" fillId="0" borderId="25" xfId="0" applyNumberFormat="1" applyFont="1" applyFill="1" applyBorder="1" applyAlignment="1">
      <alignment vertical="center"/>
    </xf>
    <xf numFmtId="176" fontId="2" fillId="0" borderId="40" xfId="0" applyNumberFormat="1" applyFont="1" applyFill="1" applyBorder="1" applyAlignment="1">
      <alignment vertical="top"/>
    </xf>
    <xf numFmtId="176" fontId="2" fillId="0" borderId="2" xfId="0" applyNumberFormat="1" applyFont="1" applyFill="1" applyBorder="1" applyAlignment="1">
      <alignment vertical="top" wrapText="1"/>
    </xf>
    <xf numFmtId="176" fontId="2" fillId="0" borderId="0" xfId="0" applyNumberFormat="1" applyFont="1" applyFill="1" applyBorder="1" applyAlignment="1">
      <alignment vertical="top" wrapText="1"/>
    </xf>
    <xf numFmtId="176" fontId="2" fillId="0" borderId="3" xfId="0" applyNumberFormat="1" applyFont="1" applyFill="1" applyBorder="1" applyAlignment="1">
      <alignment vertical="top" wrapText="1"/>
    </xf>
    <xf numFmtId="176" fontId="3" fillId="0" borderId="0" xfId="0" applyNumberFormat="1" applyFont="1" applyFill="1" applyBorder="1" applyAlignment="1">
      <alignment vertical="center" shrinkToFit="1"/>
    </xf>
    <xf numFmtId="176" fontId="3" fillId="0" borderId="4" xfId="0" applyNumberFormat="1" applyFont="1" applyFill="1" applyBorder="1" applyAlignment="1">
      <alignment vertical="center" shrinkToFit="1"/>
    </xf>
    <xf numFmtId="176" fontId="6" fillId="0" borderId="0" xfId="0" applyNumberFormat="1" applyFont="1" applyFill="1" applyBorder="1" applyAlignment="1">
      <alignment vertical="center"/>
    </xf>
    <xf numFmtId="176" fontId="3" fillId="0" borderId="8" xfId="0" applyNumberFormat="1" applyFont="1" applyFill="1" applyBorder="1" applyAlignment="1">
      <alignment vertical="center" wrapText="1"/>
    </xf>
    <xf numFmtId="176" fontId="3" fillId="0" borderId="3" xfId="0" applyNumberFormat="1" applyFont="1" applyFill="1" applyBorder="1" applyAlignment="1">
      <alignment vertical="center" wrapText="1"/>
    </xf>
    <xf numFmtId="176" fontId="3" fillId="0" borderId="6" xfId="0" applyNumberFormat="1" applyFont="1" applyFill="1" applyBorder="1" applyAlignment="1">
      <alignment vertical="center" wrapText="1"/>
    </xf>
    <xf numFmtId="176" fontId="3" fillId="0" borderId="0" xfId="0" applyNumberFormat="1" applyFont="1" applyFill="1" applyBorder="1" applyAlignment="1">
      <alignment vertical="center" textRotation="255" wrapText="1"/>
    </xf>
    <xf numFmtId="176" fontId="3" fillId="0" borderId="0" xfId="0" applyNumberFormat="1" applyFont="1" applyFill="1" applyBorder="1" applyAlignment="1">
      <alignment horizontal="left" vertical="center" shrinkToFit="1"/>
    </xf>
    <xf numFmtId="176" fontId="3" fillId="0" borderId="0" xfId="0" applyNumberFormat="1" applyFont="1" applyFill="1" applyBorder="1" applyAlignment="1">
      <alignment vertical="center" wrapText="1" shrinkToFit="1"/>
    </xf>
    <xf numFmtId="176" fontId="3" fillId="0" borderId="0" xfId="0" applyNumberFormat="1" applyFont="1" applyFill="1" applyBorder="1" applyAlignment="1">
      <alignment horizontal="center" vertical="center" wrapText="1" shrinkToFit="1"/>
    </xf>
    <xf numFmtId="176" fontId="3" fillId="0" borderId="2" xfId="0" applyNumberFormat="1" applyFont="1" applyFill="1" applyBorder="1" applyAlignment="1">
      <alignment vertical="center" wrapText="1"/>
    </xf>
    <xf numFmtId="176" fontId="3" fillId="0" borderId="10" xfId="0" applyNumberFormat="1" applyFont="1" applyFill="1" applyBorder="1" applyAlignment="1">
      <alignment vertical="center"/>
    </xf>
    <xf numFmtId="176" fontId="3" fillId="0" borderId="1" xfId="0" applyNumberFormat="1" applyFont="1" applyFill="1" applyBorder="1" applyAlignment="1">
      <alignment vertical="center"/>
    </xf>
    <xf numFmtId="176" fontId="3" fillId="0" borderId="7" xfId="0" applyNumberFormat="1" applyFont="1" applyFill="1" applyBorder="1" applyAlignment="1">
      <alignment vertical="center"/>
    </xf>
    <xf numFmtId="176" fontId="3" fillId="0" borderId="4" xfId="0" applyNumberFormat="1" applyFont="1" applyFill="1" applyBorder="1" applyAlignment="1">
      <alignment vertical="center" wrapText="1"/>
    </xf>
    <xf numFmtId="176" fontId="3" fillId="0" borderId="1" xfId="0" applyNumberFormat="1" applyFont="1" applyFill="1" applyBorder="1" applyAlignment="1">
      <alignment vertical="center" wrapText="1"/>
    </xf>
    <xf numFmtId="176" fontId="3" fillId="0" borderId="7" xfId="0" applyNumberFormat="1" applyFont="1" applyFill="1" applyBorder="1" applyAlignment="1">
      <alignment vertical="center" wrapText="1"/>
    </xf>
    <xf numFmtId="176" fontId="2" fillId="0" borderId="41" xfId="0" applyNumberFormat="1" applyFont="1" applyFill="1" applyBorder="1" applyAlignment="1">
      <alignment vertical="top"/>
    </xf>
    <xf numFmtId="176" fontId="2" fillId="0" borderId="2" xfId="0" applyNumberFormat="1" applyFont="1" applyFill="1" applyBorder="1" applyAlignment="1">
      <alignment vertical="center"/>
    </xf>
    <xf numFmtId="176" fontId="3" fillId="0" borderId="3" xfId="0" applyNumberFormat="1" applyFont="1" applyFill="1" applyBorder="1" applyAlignment="1">
      <alignment vertical="center" wrapText="1" shrinkToFit="1"/>
    </xf>
    <xf numFmtId="176" fontId="6" fillId="0" borderId="0" xfId="0" applyNumberFormat="1" applyFont="1" applyFill="1" applyBorder="1" applyAlignment="1">
      <alignment horizontal="left" vertical="center"/>
    </xf>
    <xf numFmtId="176" fontId="6" fillId="0" borderId="3" xfId="0" applyNumberFormat="1" applyFont="1" applyFill="1" applyBorder="1" applyAlignment="1">
      <alignment horizontal="left" vertical="center"/>
    </xf>
    <xf numFmtId="176" fontId="3" fillId="0" borderId="64" xfId="0" applyNumberFormat="1" applyFont="1" applyFill="1" applyBorder="1" applyAlignment="1">
      <alignment vertical="center"/>
    </xf>
    <xf numFmtId="176" fontId="2" fillId="0" borderId="41" xfId="0" applyNumberFormat="1" applyFont="1" applyFill="1" applyBorder="1" applyAlignment="1">
      <alignment vertical="center"/>
    </xf>
    <xf numFmtId="176" fontId="2" fillId="0" borderId="41" xfId="0" applyNumberFormat="1" applyFont="1" applyFill="1" applyBorder="1" applyAlignment="1">
      <alignment horizontal="left" vertical="center" wrapText="1"/>
    </xf>
    <xf numFmtId="176" fontId="2" fillId="0" borderId="0" xfId="0" applyNumberFormat="1" applyFont="1" applyFill="1" applyBorder="1" applyAlignment="1">
      <alignment horizontal="left" vertical="center" wrapText="1"/>
    </xf>
    <xf numFmtId="176" fontId="2" fillId="0" borderId="42" xfId="0" applyNumberFormat="1" applyFont="1" applyFill="1" applyBorder="1" applyAlignment="1">
      <alignment horizontal="left" vertical="center" wrapText="1"/>
    </xf>
    <xf numFmtId="176" fontId="2" fillId="0" borderId="3" xfId="0" applyNumberFormat="1" applyFont="1" applyFill="1" applyBorder="1" applyAlignment="1">
      <alignment horizontal="left" vertical="center" wrapText="1"/>
    </xf>
    <xf numFmtId="176" fontId="4" fillId="0" borderId="0" xfId="0" applyNumberFormat="1" applyFont="1" applyFill="1" applyBorder="1" applyAlignment="1">
      <alignment horizontal="left" vertical="center"/>
    </xf>
    <xf numFmtId="176" fontId="3" fillId="0" borderId="6" xfId="0" applyNumberFormat="1" applyFont="1" applyFill="1" applyBorder="1" applyAlignment="1">
      <alignment horizontal="right" vertical="center"/>
    </xf>
    <xf numFmtId="176" fontId="3" fillId="0" borderId="8" xfId="0" applyNumberFormat="1" applyFont="1" applyFill="1" applyBorder="1" applyAlignment="1">
      <alignment horizontal="distributed" vertical="center"/>
    </xf>
    <xf numFmtId="176" fontId="3" fillId="0" borderId="8" xfId="0" applyNumberFormat="1" applyFont="1" applyFill="1" applyBorder="1" applyAlignment="1">
      <alignment horizontal="right" vertical="center"/>
    </xf>
    <xf numFmtId="176" fontId="3" fillId="0" borderId="1" xfId="0" applyNumberFormat="1" applyFont="1" applyFill="1" applyBorder="1" applyAlignment="1">
      <alignment horizontal="right" vertical="center"/>
    </xf>
    <xf numFmtId="176" fontId="6" fillId="0" borderId="0" xfId="0" applyNumberFormat="1" applyFont="1" applyFill="1" applyBorder="1" applyAlignment="1">
      <alignment horizontal="center" vertical="center" wrapText="1"/>
    </xf>
    <xf numFmtId="176" fontId="4" fillId="0" borderId="10" xfId="0" applyNumberFormat="1" applyFont="1" applyFill="1" applyBorder="1" applyAlignment="1">
      <alignment horizontal="center" vertical="center"/>
    </xf>
    <xf numFmtId="176" fontId="4" fillId="0" borderId="1" xfId="0" applyNumberFormat="1" applyFont="1" applyFill="1" applyBorder="1" applyAlignment="1">
      <alignment horizontal="left" vertical="center"/>
    </xf>
    <xf numFmtId="176" fontId="4" fillId="0" borderId="0" xfId="0" applyNumberFormat="1" applyFont="1" applyFill="1" applyBorder="1" applyAlignment="1">
      <alignment vertical="center"/>
    </xf>
    <xf numFmtId="176" fontId="3" fillId="0" borderId="66" xfId="0" applyNumberFormat="1" applyFont="1" applyFill="1" applyBorder="1" applyAlignment="1">
      <alignment vertical="center"/>
    </xf>
    <xf numFmtId="176" fontId="3" fillId="0" borderId="67" xfId="0" applyNumberFormat="1" applyFont="1" applyFill="1" applyBorder="1" applyAlignment="1">
      <alignment vertical="center"/>
    </xf>
    <xf numFmtId="176" fontId="3" fillId="0" borderId="55" xfId="0" applyNumberFormat="1" applyFont="1" applyFill="1" applyBorder="1" applyAlignment="1">
      <alignment vertical="center"/>
    </xf>
    <xf numFmtId="176" fontId="3" fillId="0" borderId="7" xfId="0" applyNumberFormat="1" applyFont="1" applyFill="1" applyBorder="1" applyAlignment="1">
      <alignment horizontal="right" vertical="center"/>
    </xf>
    <xf numFmtId="176" fontId="3" fillId="0" borderId="10" xfId="0" applyNumberFormat="1" applyFont="1" applyFill="1" applyBorder="1" applyAlignment="1">
      <alignment horizontal="center" vertical="center" textRotation="255"/>
    </xf>
    <xf numFmtId="176" fontId="3" fillId="0" borderId="68" xfId="0" applyNumberFormat="1" applyFont="1" applyFill="1" applyBorder="1" applyAlignment="1">
      <alignment vertical="center"/>
    </xf>
    <xf numFmtId="176" fontId="3" fillId="0" borderId="4" xfId="0" applyNumberFormat="1" applyFont="1" applyFill="1" applyBorder="1" applyAlignment="1">
      <alignment horizontal="right" vertical="center"/>
    </xf>
    <xf numFmtId="176" fontId="3" fillId="0" borderId="67" xfId="0" applyNumberFormat="1" applyFont="1" applyFill="1" applyBorder="1" applyAlignment="1">
      <alignment horizontal="right" vertical="center"/>
    </xf>
    <xf numFmtId="176" fontId="3" fillId="0" borderId="55" xfId="0" applyNumberFormat="1" applyFont="1" applyFill="1" applyBorder="1" applyAlignment="1">
      <alignment horizontal="right" vertical="center"/>
    </xf>
    <xf numFmtId="176" fontId="3" fillId="0" borderId="5" xfId="0" applyNumberFormat="1" applyFont="1" applyFill="1" applyBorder="1" applyAlignment="1">
      <alignment vertical="center" wrapText="1"/>
    </xf>
    <xf numFmtId="176" fontId="3" fillId="0" borderId="69" xfId="0" applyNumberFormat="1" applyFont="1" applyFill="1" applyBorder="1" applyAlignment="1">
      <alignment horizontal="left" vertical="center" wrapText="1"/>
    </xf>
    <xf numFmtId="176" fontId="3" fillId="0" borderId="71" xfId="0" applyNumberFormat="1" applyFont="1" applyFill="1" applyBorder="1" applyAlignment="1">
      <alignment horizontal="center" vertical="center"/>
    </xf>
    <xf numFmtId="177" fontId="3" fillId="0" borderId="1" xfId="0" applyNumberFormat="1" applyFont="1" applyFill="1" applyBorder="1" applyAlignment="1">
      <alignment horizontal="left" vertical="center"/>
    </xf>
    <xf numFmtId="176" fontId="3" fillId="0" borderId="2" xfId="0" applyNumberFormat="1" applyFont="1" applyFill="1" applyBorder="1" applyAlignment="1">
      <alignment vertical="center" textRotation="255"/>
    </xf>
    <xf numFmtId="176" fontId="4" fillId="0" borderId="0" xfId="0" applyNumberFormat="1" applyFont="1" applyFill="1" applyBorder="1" applyAlignment="1">
      <alignment vertical="center" wrapText="1"/>
    </xf>
    <xf numFmtId="176" fontId="3" fillId="0" borderId="0" xfId="0" applyNumberFormat="1" applyFont="1" applyFill="1" applyBorder="1" applyAlignment="1">
      <alignment vertical="top"/>
    </xf>
    <xf numFmtId="176" fontId="3" fillId="0" borderId="0" xfId="0" applyNumberFormat="1" applyFont="1" applyFill="1" applyBorder="1" applyAlignment="1">
      <alignment horizontal="right" vertical="top"/>
    </xf>
    <xf numFmtId="176" fontId="3" fillId="0" borderId="8" xfId="0" applyNumberFormat="1" applyFont="1" applyFill="1" applyBorder="1" applyAlignment="1">
      <alignment horizontal="left" vertical="center"/>
    </xf>
    <xf numFmtId="176" fontId="3" fillId="0" borderId="3" xfId="0" applyNumberFormat="1" applyFont="1" applyFill="1" applyBorder="1" applyAlignment="1">
      <alignment vertical="center" textRotation="255"/>
    </xf>
    <xf numFmtId="176" fontId="5" fillId="0" borderId="0" xfId="0" applyNumberFormat="1" applyFont="1" applyFill="1" applyBorder="1" applyAlignment="1">
      <alignment vertical="center"/>
    </xf>
    <xf numFmtId="176" fontId="3" fillId="0" borderId="64" xfId="0" applyNumberFormat="1" applyFont="1" applyFill="1" applyBorder="1" applyAlignment="1">
      <alignment horizontal="left" vertical="center"/>
    </xf>
    <xf numFmtId="176" fontId="3" fillId="0" borderId="54" xfId="0" applyNumberFormat="1" applyFont="1" applyFill="1" applyBorder="1" applyAlignment="1">
      <alignment horizontal="left" vertical="center"/>
    </xf>
    <xf numFmtId="176" fontId="3" fillId="0" borderId="10" xfId="0" applyNumberFormat="1" applyFont="1" applyFill="1" applyBorder="1" applyAlignment="1">
      <alignment horizontal="right" vertical="center"/>
    </xf>
    <xf numFmtId="176" fontId="4" fillId="0" borderId="0" xfId="0" applyNumberFormat="1" applyFont="1" applyFill="1" applyBorder="1" applyAlignment="1">
      <alignment vertical="center" wrapText="1" shrinkToFit="1"/>
    </xf>
    <xf numFmtId="176" fontId="2" fillId="0" borderId="8" xfId="0" applyNumberFormat="1" applyFont="1" applyFill="1" applyBorder="1" applyAlignment="1">
      <alignment horizontal="left" vertical="center"/>
    </xf>
    <xf numFmtId="176" fontId="2" fillId="0" borderId="3" xfId="0" applyNumberFormat="1" applyFont="1" applyFill="1" applyBorder="1" applyAlignment="1">
      <alignment horizontal="distributed" vertical="center"/>
    </xf>
    <xf numFmtId="176" fontId="2" fillId="0" borderId="1" xfId="0" applyNumberFormat="1" applyFont="1" applyFill="1" applyBorder="1" applyAlignment="1">
      <alignment horizontal="distributed" vertical="center"/>
    </xf>
    <xf numFmtId="176" fontId="2" fillId="0" borderId="3" xfId="0" applyNumberFormat="1" applyFont="1" applyFill="1" applyBorder="1" applyAlignment="1">
      <alignment horizontal="left" vertical="center"/>
    </xf>
    <xf numFmtId="176" fontId="2" fillId="0" borderId="82" xfId="0" applyNumberFormat="1" applyFont="1" applyFill="1" applyBorder="1" applyAlignment="1">
      <alignment horizontal="left" vertical="center"/>
    </xf>
    <xf numFmtId="176" fontId="2" fillId="0" borderId="10" xfId="0" applyNumberFormat="1" applyFont="1" applyFill="1" applyBorder="1" applyAlignment="1">
      <alignment horizontal="left" vertical="center"/>
    </xf>
    <xf numFmtId="176" fontId="6" fillId="0" borderId="5" xfId="0" applyNumberFormat="1" applyFont="1" applyFill="1" applyBorder="1" applyAlignment="1">
      <alignment vertical="center"/>
    </xf>
    <xf numFmtId="176" fontId="6" fillId="0" borderId="2" xfId="0" applyNumberFormat="1" applyFont="1" applyFill="1" applyBorder="1" applyAlignment="1">
      <alignment vertical="center" wrapText="1"/>
    </xf>
    <xf numFmtId="176" fontId="6" fillId="0" borderId="11" xfId="0" applyNumberFormat="1" applyFont="1" applyFill="1" applyBorder="1" applyAlignment="1">
      <alignment vertical="center" wrapText="1"/>
    </xf>
    <xf numFmtId="176" fontId="2" fillId="0" borderId="5" xfId="0" applyNumberFormat="1" applyFont="1" applyFill="1" applyBorder="1" applyAlignment="1">
      <alignment horizontal="left" vertical="center"/>
    </xf>
    <xf numFmtId="176" fontId="2" fillId="0" borderId="2" xfId="0" applyNumberFormat="1" applyFont="1" applyFill="1" applyBorder="1" applyAlignment="1">
      <alignment horizontal="distributed" vertical="center"/>
    </xf>
    <xf numFmtId="176" fontId="2" fillId="0" borderId="2" xfId="0" applyNumberFormat="1" applyFont="1" applyFill="1" applyBorder="1" applyAlignment="1">
      <alignment horizontal="left" vertical="center"/>
    </xf>
    <xf numFmtId="176" fontId="2" fillId="0" borderId="40" xfId="0" applyNumberFormat="1" applyFont="1" applyFill="1" applyBorder="1" applyAlignment="1">
      <alignment horizontal="left" vertical="center"/>
    </xf>
    <xf numFmtId="176" fontId="3" fillId="0" borderId="83" xfId="0" applyNumberFormat="1" applyFont="1" applyFill="1" applyBorder="1" applyAlignment="1">
      <alignment horizontal="center" vertical="center"/>
    </xf>
    <xf numFmtId="176" fontId="6" fillId="0" borderId="4" xfId="0" applyNumberFormat="1" applyFont="1" applyFill="1" applyBorder="1" applyAlignment="1">
      <alignment vertical="center"/>
    </xf>
    <xf numFmtId="176" fontId="6" fillId="0" borderId="0" xfId="0" applyNumberFormat="1" applyFont="1" applyFill="1" applyBorder="1" applyAlignment="1">
      <alignment vertical="center" wrapText="1"/>
    </xf>
    <xf numFmtId="176" fontId="6" fillId="0" borderId="6" xfId="0" applyNumberFormat="1" applyFont="1" applyFill="1" applyBorder="1" applyAlignment="1">
      <alignment vertical="center" wrapText="1"/>
    </xf>
    <xf numFmtId="176" fontId="2" fillId="0" borderId="4" xfId="0" applyNumberFormat="1" applyFont="1" applyFill="1" applyBorder="1" applyAlignment="1">
      <alignment vertical="center"/>
    </xf>
    <xf numFmtId="176" fontId="2" fillId="0" borderId="0" xfId="0" applyNumberFormat="1" applyFont="1" applyFill="1" applyBorder="1" applyAlignment="1">
      <alignment vertical="center" shrinkToFit="1"/>
    </xf>
    <xf numFmtId="176" fontId="2" fillId="0" borderId="0" xfId="0" applyNumberFormat="1" applyFont="1" applyFill="1" applyBorder="1" applyAlignment="1">
      <alignment vertical="center" wrapText="1"/>
    </xf>
    <xf numFmtId="176" fontId="3" fillId="0" borderId="84" xfId="0" applyNumberFormat="1" applyFont="1" applyFill="1" applyBorder="1" applyAlignment="1">
      <alignment vertical="center" shrinkToFit="1"/>
    </xf>
    <xf numFmtId="176" fontId="3" fillId="0" borderId="6" xfId="0" applyNumberFormat="1" applyFont="1" applyFill="1" applyBorder="1" applyAlignment="1">
      <alignment vertical="center" shrinkToFit="1"/>
    </xf>
    <xf numFmtId="176" fontId="2" fillId="0" borderId="0" xfId="0" applyNumberFormat="1" applyFont="1" applyFill="1" applyBorder="1" applyAlignment="1">
      <alignment horizontal="center" vertical="center"/>
    </xf>
    <xf numFmtId="176" fontId="2" fillId="0" borderId="4" xfId="0" applyNumberFormat="1" applyFont="1" applyFill="1" applyBorder="1" applyAlignment="1">
      <alignment horizontal="left" vertical="center"/>
    </xf>
    <xf numFmtId="176" fontId="3" fillId="0" borderId="84" xfId="0" applyNumberFormat="1" applyFont="1" applyFill="1" applyBorder="1" applyAlignment="1">
      <alignment vertical="center"/>
    </xf>
    <xf numFmtId="176" fontId="2" fillId="0" borderId="6" xfId="0" applyNumberFormat="1" applyFont="1" applyFill="1" applyBorder="1" applyAlignment="1">
      <alignment vertical="center"/>
    </xf>
    <xf numFmtId="176" fontId="3" fillId="0" borderId="41" xfId="0" applyNumberFormat="1" applyFont="1" applyFill="1" applyBorder="1" applyAlignment="1">
      <alignment vertical="center"/>
    </xf>
    <xf numFmtId="176" fontId="6" fillId="0" borderId="8" xfId="0" applyNumberFormat="1" applyFont="1" applyFill="1" applyBorder="1" applyAlignment="1">
      <alignment vertical="center"/>
    </xf>
    <xf numFmtId="176" fontId="3" fillId="0" borderId="85" xfId="0" applyNumberFormat="1" applyFont="1" applyFill="1" applyBorder="1" applyAlignment="1">
      <alignment vertical="center"/>
    </xf>
    <xf numFmtId="176" fontId="3" fillId="0" borderId="42" xfId="0" applyNumberFormat="1" applyFont="1" applyFill="1" applyBorder="1" applyAlignment="1">
      <alignment vertical="center"/>
    </xf>
    <xf numFmtId="176" fontId="5" fillId="0" borderId="3" xfId="0" applyNumberFormat="1" applyFont="1" applyFill="1" applyBorder="1" applyAlignment="1">
      <alignment horizontal="left" vertical="center"/>
    </xf>
    <xf numFmtId="176" fontId="3" fillId="0" borderId="9" xfId="0" applyNumberFormat="1" applyFont="1" applyFill="1" applyBorder="1" applyAlignment="1">
      <alignment horizontal="distributed" vertical="center"/>
    </xf>
    <xf numFmtId="176" fontId="4"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top"/>
    </xf>
    <xf numFmtId="176" fontId="4" fillId="0" borderId="2" xfId="0" applyNumberFormat="1" applyFont="1" applyFill="1" applyBorder="1" applyAlignment="1">
      <alignment horizontal="left" vertical="center" wrapText="1"/>
    </xf>
    <xf numFmtId="176" fontId="3" fillId="0" borderId="10" xfId="0" applyNumberFormat="1" applyFont="1" applyFill="1" applyBorder="1" applyAlignment="1">
      <alignment horizontal="left" vertical="center"/>
    </xf>
    <xf numFmtId="176" fontId="3" fillId="0" borderId="1" xfId="0" applyNumberFormat="1" applyFont="1" applyFill="1" applyBorder="1" applyAlignment="1">
      <alignment horizontal="left" vertical="center"/>
    </xf>
    <xf numFmtId="176" fontId="3" fillId="0" borderId="7" xfId="0" applyNumberFormat="1" applyFont="1" applyFill="1" applyBorder="1" applyAlignment="1">
      <alignment horizontal="left" vertical="center"/>
    </xf>
    <xf numFmtId="176" fontId="4" fillId="0" borderId="0" xfId="0" applyNumberFormat="1" applyFont="1" applyFill="1" applyBorder="1" applyAlignment="1">
      <alignment horizontal="distributed" vertical="center"/>
    </xf>
    <xf numFmtId="176" fontId="3" fillId="0" borderId="76" xfId="0" applyNumberFormat="1" applyFont="1" applyFill="1" applyBorder="1" applyAlignment="1">
      <alignment horizontal="center" vertical="center"/>
    </xf>
    <xf numFmtId="176" fontId="3" fillId="0" borderId="78" xfId="0" applyNumberFormat="1" applyFont="1" applyFill="1" applyBorder="1" applyAlignment="1">
      <alignment horizontal="center" vertical="center"/>
    </xf>
    <xf numFmtId="176" fontId="3" fillId="0" borderId="76" xfId="0" applyNumberFormat="1" applyFont="1" applyFill="1" applyBorder="1" applyAlignment="1">
      <alignment horizontal="center" vertical="center" shrinkToFit="1"/>
    </xf>
    <xf numFmtId="176" fontId="3" fillId="0" borderId="77" xfId="0" applyNumberFormat="1" applyFont="1" applyFill="1" applyBorder="1" applyAlignment="1">
      <alignment horizontal="center" vertical="center" shrinkToFit="1"/>
    </xf>
    <xf numFmtId="176" fontId="3" fillId="0" borderId="76" xfId="0" applyNumberFormat="1" applyFont="1" applyFill="1" applyBorder="1" applyAlignment="1">
      <alignment vertical="center"/>
    </xf>
    <xf numFmtId="176" fontId="3" fillId="0" borderId="77" xfId="0" applyNumberFormat="1" applyFont="1" applyFill="1" applyBorder="1" applyAlignment="1">
      <alignment vertical="center"/>
    </xf>
    <xf numFmtId="176" fontId="3" fillId="0" borderId="78" xfId="0" applyNumberFormat="1" applyFont="1" applyFill="1" applyBorder="1" applyAlignment="1">
      <alignment vertical="center"/>
    </xf>
    <xf numFmtId="176" fontId="2" fillId="0" borderId="79" xfId="0" applyNumberFormat="1" applyFont="1" applyFill="1" applyBorder="1" applyAlignment="1">
      <alignment horizontal="left" vertical="center"/>
    </xf>
    <xf numFmtId="176" fontId="3" fillId="0" borderId="12" xfId="0" applyNumberFormat="1" applyFont="1" applyFill="1" applyBorder="1" applyAlignment="1">
      <alignment horizontal="center" vertical="center"/>
    </xf>
    <xf numFmtId="176" fontId="3" fillId="0" borderId="12" xfId="0" applyNumberFormat="1" applyFont="1" applyFill="1" applyBorder="1" applyAlignment="1">
      <alignment horizontal="center" vertical="center" shrinkToFit="1"/>
    </xf>
    <xf numFmtId="176" fontId="3" fillId="0" borderId="12" xfId="0" applyNumberFormat="1" applyFont="1" applyFill="1" applyBorder="1" applyAlignment="1">
      <alignment vertical="center"/>
    </xf>
    <xf numFmtId="176" fontId="3" fillId="0" borderId="13" xfId="0" applyNumberFormat="1" applyFont="1" applyFill="1" applyBorder="1" applyAlignment="1">
      <alignment vertical="center"/>
    </xf>
    <xf numFmtId="176" fontId="2" fillId="0" borderId="4" xfId="0" applyNumberFormat="1" applyFont="1" applyFill="1" applyBorder="1" applyAlignment="1"/>
    <xf numFmtId="176" fontId="2" fillId="0" borderId="84" xfId="0" applyNumberFormat="1" applyFont="1" applyFill="1" applyBorder="1" applyAlignment="1">
      <alignment horizontal="left" vertical="center"/>
    </xf>
    <xf numFmtId="176" fontId="2" fillId="0" borderId="0" xfId="0" applyNumberFormat="1" applyFont="1" applyFill="1" applyBorder="1" applyAlignment="1"/>
    <xf numFmtId="176" fontId="2" fillId="0" borderId="6" xfId="0" applyNumberFormat="1" applyFont="1" applyFill="1" applyBorder="1" applyAlignment="1">
      <alignment horizontal="left" vertical="center"/>
    </xf>
    <xf numFmtId="176" fontId="3" fillId="0" borderId="68" xfId="0" applyNumberFormat="1" applyFont="1" applyFill="1" applyBorder="1" applyAlignment="1">
      <alignment horizontal="left" vertical="center"/>
    </xf>
    <xf numFmtId="176" fontId="3" fillId="0" borderId="4" xfId="0" applyNumberFormat="1" applyFont="1" applyFill="1" applyBorder="1" applyAlignment="1">
      <alignment horizontal="right" vertical="center" wrapText="1"/>
    </xf>
    <xf numFmtId="176" fontId="3" fillId="0" borderId="0" xfId="0" applyNumberFormat="1" applyFont="1" applyFill="1" applyBorder="1" applyAlignment="1">
      <alignment wrapText="1"/>
    </xf>
    <xf numFmtId="176" fontId="3" fillId="0" borderId="1" xfId="0" applyNumberFormat="1" applyFont="1" applyFill="1" applyBorder="1" applyAlignment="1">
      <alignment horizontal="right" vertical="center" wrapText="1"/>
    </xf>
    <xf numFmtId="176" fontId="3" fillId="0" borderId="1" xfId="0" applyNumberFormat="1" applyFont="1" applyFill="1" applyBorder="1" applyAlignment="1">
      <alignment wrapText="1"/>
    </xf>
    <xf numFmtId="176" fontId="3" fillId="0" borderId="0" xfId="0" applyNumberFormat="1" applyFont="1" applyFill="1" applyBorder="1" applyAlignment="1">
      <alignment horizontal="right" vertical="center" wrapText="1"/>
    </xf>
    <xf numFmtId="176" fontId="6" fillId="0" borderId="2" xfId="0" applyNumberFormat="1" applyFont="1" applyFill="1" applyBorder="1" applyAlignment="1">
      <alignment horizontal="center" vertical="center" wrapText="1"/>
    </xf>
    <xf numFmtId="176" fontId="2" fillId="0" borderId="2" xfId="0" applyNumberFormat="1" applyFont="1" applyFill="1" applyBorder="1" applyAlignment="1">
      <alignment horizontal="left" vertical="center" wrapText="1"/>
    </xf>
    <xf numFmtId="176" fontId="3" fillId="0" borderId="3" xfId="0" applyNumberFormat="1" applyFont="1" applyFill="1" applyBorder="1" applyAlignment="1">
      <alignment wrapText="1"/>
    </xf>
    <xf numFmtId="176" fontId="3" fillId="0" borderId="3" xfId="0" applyNumberFormat="1" applyFont="1" applyFill="1" applyBorder="1" applyAlignment="1">
      <alignment horizontal="right" vertical="center" wrapText="1"/>
    </xf>
    <xf numFmtId="176" fontId="3" fillId="0" borderId="65" xfId="0" applyNumberFormat="1" applyFont="1" applyFill="1" applyBorder="1" applyAlignment="1">
      <alignment vertical="center"/>
    </xf>
    <xf numFmtId="0" fontId="0" fillId="0" borderId="0" xfId="0" applyFont="1"/>
    <xf numFmtId="176" fontId="2" fillId="0" borderId="8" xfId="0" applyNumberFormat="1" applyFont="1" applyFill="1" applyBorder="1" applyAlignment="1">
      <alignment vertical="center"/>
    </xf>
    <xf numFmtId="176" fontId="2" fillId="0" borderId="3" xfId="0" applyNumberFormat="1" applyFont="1" applyFill="1" applyBorder="1" applyAlignment="1">
      <alignment vertical="center" shrinkToFit="1"/>
    </xf>
    <xf numFmtId="176" fontId="2" fillId="0" borderId="3" xfId="0" applyNumberFormat="1" applyFont="1" applyFill="1" applyBorder="1" applyAlignment="1">
      <alignment vertical="center"/>
    </xf>
    <xf numFmtId="176" fontId="2" fillId="0" borderId="85" xfId="0" applyNumberFormat="1" applyFont="1" applyFill="1" applyBorder="1" applyAlignment="1">
      <alignment horizontal="center" vertical="center"/>
    </xf>
    <xf numFmtId="0" fontId="0" fillId="0" borderId="0" xfId="0" applyFont="1" applyFill="1"/>
    <xf numFmtId="0" fontId="0" fillId="0" borderId="3" xfId="0" applyFont="1" applyFill="1" applyBorder="1"/>
    <xf numFmtId="0" fontId="3" fillId="0" borderId="0" xfId="0" applyFont="1" applyBorder="1" applyAlignment="1">
      <alignment horizontal="left" vertical="center" wrapText="1"/>
    </xf>
    <xf numFmtId="0" fontId="3" fillId="0" borderId="0" xfId="0" applyFont="1"/>
    <xf numFmtId="0" fontId="3" fillId="0" borderId="0" xfId="0" applyFont="1" applyAlignment="1"/>
    <xf numFmtId="176" fontId="3" fillId="0" borderId="43" xfId="0" applyNumberFormat="1" applyFont="1" applyFill="1" applyBorder="1" applyAlignment="1">
      <alignment vertical="center"/>
    </xf>
    <xf numFmtId="176" fontId="3" fillId="0" borderId="44" xfId="0" applyNumberFormat="1" applyFont="1" applyFill="1" applyBorder="1" applyAlignment="1">
      <alignment vertical="center"/>
    </xf>
    <xf numFmtId="176" fontId="3" fillId="0" borderId="45" xfId="0" applyNumberFormat="1" applyFont="1" applyFill="1" applyBorder="1" applyAlignment="1">
      <alignment vertical="center"/>
    </xf>
    <xf numFmtId="176" fontId="7" fillId="0" borderId="0" xfId="0" applyNumberFormat="1" applyFont="1" applyFill="1" applyBorder="1" applyAlignment="1">
      <alignment vertical="center"/>
    </xf>
    <xf numFmtId="0" fontId="0" fillId="0" borderId="19" xfId="0" applyFont="1" applyBorder="1"/>
    <xf numFmtId="0" fontId="0" fillId="0" borderId="44" xfId="0" applyFont="1" applyBorder="1"/>
    <xf numFmtId="0" fontId="0" fillId="0" borderId="0" xfId="0" applyFont="1" applyBorder="1" applyAlignment="1">
      <alignment horizontal="left" vertical="center" wrapText="1"/>
    </xf>
    <xf numFmtId="0" fontId="3" fillId="0" borderId="0" xfId="0" applyFont="1" applyFill="1"/>
    <xf numFmtId="176" fontId="2" fillId="0" borderId="4" xfId="0" applyNumberFormat="1" applyFont="1" applyFill="1" applyBorder="1" applyAlignment="1">
      <alignment vertical="top"/>
    </xf>
    <xf numFmtId="176" fontId="4" fillId="0" borderId="0" xfId="0" quotePrefix="1" applyNumberFormat="1" applyFont="1" applyFill="1" applyBorder="1" applyAlignment="1">
      <alignment horizontal="left" vertical="center"/>
    </xf>
    <xf numFmtId="176" fontId="4" fillId="0" borderId="0" xfId="0" applyNumberFormat="1" applyFont="1" applyFill="1" applyBorder="1" applyAlignment="1">
      <alignment vertical="center" shrinkToFit="1"/>
    </xf>
    <xf numFmtId="0" fontId="0" fillId="0" borderId="11" xfId="0" applyFont="1" applyBorder="1" applyAlignment="1">
      <alignment horizontal="left" vertical="center" wrapText="1"/>
    </xf>
    <xf numFmtId="176" fontId="3" fillId="0" borderId="2" xfId="0" applyNumberFormat="1" applyFont="1" applyFill="1" applyBorder="1" applyAlignment="1">
      <alignment horizontal="distributed" vertical="center"/>
    </xf>
    <xf numFmtId="176" fontId="3" fillId="0" borderId="3" xfId="0" applyNumberFormat="1" applyFont="1" applyFill="1" applyBorder="1" applyAlignment="1">
      <alignment horizontal="center" vertical="center"/>
    </xf>
    <xf numFmtId="176" fontId="3" fillId="0" borderId="3" xfId="0" applyNumberFormat="1" applyFont="1" applyFill="1" applyBorder="1" applyAlignment="1">
      <alignment horizontal="distributed" vertical="center"/>
    </xf>
    <xf numFmtId="176" fontId="3" fillId="0" borderId="2" xfId="0" applyNumberFormat="1" applyFont="1" applyFill="1" applyBorder="1" applyAlignment="1">
      <alignment horizontal="center" vertical="center"/>
    </xf>
    <xf numFmtId="176" fontId="3" fillId="0" borderId="28" xfId="0" applyNumberFormat="1" applyFont="1" applyFill="1" applyBorder="1" applyAlignment="1">
      <alignment horizontal="center" vertical="center"/>
    </xf>
    <xf numFmtId="176" fontId="3" fillId="0" borderId="22" xfId="0" applyNumberFormat="1" applyFont="1" applyFill="1" applyBorder="1" applyAlignment="1">
      <alignment horizontal="center" vertical="center"/>
    </xf>
    <xf numFmtId="176" fontId="3" fillId="0" borderId="21" xfId="0" applyNumberFormat="1" applyFont="1" applyFill="1" applyBorder="1" applyAlignment="1">
      <alignment horizontal="center" vertical="center"/>
    </xf>
    <xf numFmtId="176" fontId="3" fillId="0" borderId="23" xfId="0" applyNumberFormat="1" applyFont="1" applyFill="1" applyBorder="1" applyAlignment="1">
      <alignment horizontal="center" vertical="center"/>
    </xf>
    <xf numFmtId="176" fontId="3" fillId="0" borderId="25" xfId="0" applyNumberFormat="1" applyFont="1" applyFill="1" applyBorder="1" applyAlignment="1">
      <alignment horizontal="center" vertical="center"/>
    </xf>
    <xf numFmtId="176" fontId="3" fillId="0" borderId="25" xfId="0" applyNumberFormat="1" applyFont="1" applyFill="1" applyBorder="1" applyAlignment="1">
      <alignment horizontal="left" vertical="center"/>
    </xf>
    <xf numFmtId="176" fontId="3" fillId="0" borderId="31" xfId="0" applyNumberFormat="1" applyFont="1" applyFill="1" applyBorder="1" applyAlignment="1">
      <alignment horizontal="left" vertical="center"/>
    </xf>
    <xf numFmtId="176" fontId="3" fillId="0" borderId="26" xfId="0" applyNumberFormat="1" applyFont="1" applyFill="1" applyBorder="1" applyAlignment="1">
      <alignment horizontal="center" vertical="center"/>
    </xf>
    <xf numFmtId="176" fontId="3" fillId="0" borderId="30" xfId="0" applyNumberFormat="1" applyFont="1" applyFill="1" applyBorder="1" applyAlignment="1">
      <alignment horizontal="left" vertical="center"/>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distributed" vertical="center"/>
    </xf>
    <xf numFmtId="0" fontId="9" fillId="0" borderId="0" xfId="0" applyFont="1" applyAlignment="1"/>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8"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3" xfId="0" applyNumberFormat="1" applyFont="1" applyFill="1" applyBorder="1" applyAlignment="1">
      <alignment horizontal="left" vertical="center"/>
    </xf>
    <xf numFmtId="176" fontId="3" fillId="0" borderId="3" xfId="0" applyNumberFormat="1" applyFont="1" applyFill="1" applyBorder="1" applyAlignment="1">
      <alignment horizontal="right" vertical="center"/>
    </xf>
    <xf numFmtId="176" fontId="3" fillId="0" borderId="2" xfId="0" applyNumberFormat="1" applyFont="1" applyFill="1" applyBorder="1" applyAlignment="1">
      <alignment horizontal="right" vertical="center"/>
    </xf>
    <xf numFmtId="176" fontId="3" fillId="0" borderId="54"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2" fillId="0" borderId="2" xfId="0" applyNumberFormat="1" applyFont="1" applyFill="1" applyBorder="1" applyAlignment="1">
      <alignment horizontal="left" vertical="top" wrapText="1"/>
    </xf>
    <xf numFmtId="176" fontId="2" fillId="0" borderId="11" xfId="0" applyNumberFormat="1" applyFont="1" applyFill="1" applyBorder="1" applyAlignment="1">
      <alignment horizontal="left" vertical="top" wrapText="1"/>
    </xf>
    <xf numFmtId="176" fontId="2" fillId="0" borderId="0" xfId="0" applyNumberFormat="1" applyFont="1" applyFill="1" applyBorder="1" applyAlignment="1">
      <alignment horizontal="left" vertical="top" wrapText="1"/>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5" xfId="0" applyNumberFormat="1" applyFont="1" applyFill="1" applyBorder="1" applyAlignment="1">
      <alignment horizontal="center" vertical="center" textRotation="255"/>
    </xf>
    <xf numFmtId="176" fontId="3" fillId="0" borderId="4"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5"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43" xfId="0" applyNumberFormat="1" applyFont="1" applyFill="1" applyBorder="1" applyAlignment="1">
      <alignment horizontal="center" vertical="center"/>
    </xf>
    <xf numFmtId="176" fontId="3" fillId="0" borderId="44"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176" fontId="3" fillId="0" borderId="5" xfId="0" applyNumberFormat="1" applyFont="1" applyFill="1" applyBorder="1" applyAlignment="1">
      <alignment horizontal="left" vertical="center" wrapText="1"/>
    </xf>
    <xf numFmtId="176" fontId="3" fillId="0" borderId="2" xfId="0" applyNumberFormat="1" applyFont="1" applyFill="1" applyBorder="1" applyAlignment="1">
      <alignment horizontal="left" vertical="center" wrapText="1"/>
    </xf>
    <xf numFmtId="176" fontId="3" fillId="0" borderId="8"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3" fillId="0" borderId="9" xfId="0" applyNumberFormat="1" applyFont="1" applyFill="1" applyBorder="1" applyAlignment="1">
      <alignment horizontal="left" vertical="center" wrapText="1"/>
    </xf>
    <xf numFmtId="176" fontId="5" fillId="0" borderId="5" xfId="0" applyNumberFormat="1" applyFont="1" applyFill="1" applyBorder="1" applyAlignment="1">
      <alignment horizontal="center" vertical="center" wrapText="1"/>
    </xf>
    <xf numFmtId="176" fontId="3" fillId="0" borderId="4" xfId="0" applyNumberFormat="1" applyFont="1" applyFill="1" applyBorder="1" applyAlignment="1">
      <alignment horizontal="left" vertical="center" wrapText="1"/>
    </xf>
    <xf numFmtId="176" fontId="2" fillId="0" borderId="0" xfId="0" applyNumberFormat="1" applyFont="1" applyFill="1" applyBorder="1" applyAlignment="1">
      <alignment horizontal="right" vertical="center"/>
    </xf>
    <xf numFmtId="176" fontId="2" fillId="0" borderId="4" xfId="0" applyNumberFormat="1" applyFont="1" applyFill="1" applyBorder="1" applyAlignment="1">
      <alignment vertical="center" shrinkToFit="1"/>
    </xf>
    <xf numFmtId="176" fontId="3" fillId="0" borderId="77" xfId="0" applyNumberFormat="1" applyFont="1" applyFill="1" applyBorder="1" applyAlignment="1">
      <alignment horizontal="center" vertical="center"/>
    </xf>
    <xf numFmtId="176" fontId="4" fillId="0" borderId="0" xfId="0" applyNumberFormat="1" applyFont="1" applyFill="1" applyBorder="1" applyAlignment="1">
      <alignment horizontal="left" vertical="center" wrapText="1"/>
    </xf>
    <xf numFmtId="176" fontId="3" fillId="0" borderId="1" xfId="0" applyNumberFormat="1" applyFont="1" applyFill="1" applyBorder="1" applyAlignment="1">
      <alignment horizontal="center" vertical="center" wrapText="1"/>
    </xf>
    <xf numFmtId="176" fontId="3" fillId="0" borderId="6" xfId="0" applyNumberFormat="1" applyFont="1" applyFill="1" applyBorder="1" applyAlignment="1">
      <alignment horizontal="center" vertical="center"/>
    </xf>
    <xf numFmtId="176" fontId="3" fillId="0" borderId="4" xfId="0" applyNumberFormat="1" applyFont="1" applyFill="1" applyBorder="1" applyAlignment="1">
      <alignment horizontal="center" vertical="center"/>
    </xf>
    <xf numFmtId="176" fontId="3" fillId="0" borderId="0" xfId="0" applyNumberFormat="1" applyFont="1" applyFill="1" applyBorder="1" applyAlignment="1">
      <alignment horizontal="right" vertical="center"/>
    </xf>
    <xf numFmtId="176" fontId="3" fillId="0" borderId="0" xfId="0" applyNumberFormat="1" applyFont="1" applyFill="1" applyBorder="1" applyAlignment="1">
      <alignment horizontal="center" vertical="center" wrapText="1"/>
    </xf>
    <xf numFmtId="176" fontId="3" fillId="0" borderId="0" xfId="0" applyNumberFormat="1" applyFont="1" applyFill="1" applyBorder="1" applyAlignment="1">
      <alignment horizontal="left" vertical="center" wrapText="1" shrinkToFit="1"/>
    </xf>
    <xf numFmtId="176" fontId="4" fillId="0" borderId="3" xfId="0" applyNumberFormat="1" applyFont="1" applyFill="1" applyBorder="1" applyAlignment="1">
      <alignment horizontal="left" vertical="center" wrapText="1"/>
    </xf>
    <xf numFmtId="176" fontId="3" fillId="0" borderId="0" xfId="0" applyNumberFormat="1" applyFont="1" applyFill="1" applyBorder="1" applyAlignment="1">
      <alignment horizontal="left" vertical="center"/>
    </xf>
    <xf numFmtId="176" fontId="3" fillId="0" borderId="6" xfId="0" applyNumberFormat="1" applyFont="1" applyFill="1" applyBorder="1" applyAlignment="1">
      <alignment horizontal="left" vertical="center"/>
    </xf>
    <xf numFmtId="176" fontId="3" fillId="0" borderId="9" xfId="0" applyNumberFormat="1" applyFont="1" applyFill="1" applyBorder="1" applyAlignment="1">
      <alignment horizontal="left" vertical="center"/>
    </xf>
    <xf numFmtId="176" fontId="3" fillId="0" borderId="5" xfId="0" applyNumberFormat="1" applyFont="1" applyFill="1" applyBorder="1" applyAlignment="1">
      <alignment horizontal="center" vertical="center" shrinkToFit="1"/>
    </xf>
    <xf numFmtId="176" fontId="3" fillId="0" borderId="2" xfId="0" applyNumberFormat="1" applyFont="1" applyFill="1" applyBorder="1" applyAlignment="1">
      <alignment horizontal="center" vertical="center" shrinkToFit="1"/>
    </xf>
    <xf numFmtId="176" fontId="3" fillId="0" borderId="1" xfId="0" applyNumberFormat="1" applyFont="1" applyFill="1" applyBorder="1" applyAlignment="1">
      <alignment horizontal="left" vertical="center" wrapText="1"/>
    </xf>
    <xf numFmtId="176" fontId="5" fillId="0" borderId="2" xfId="0" applyNumberFormat="1" applyFont="1" applyFill="1" applyBorder="1" applyAlignment="1">
      <alignment horizontal="center" vertical="center"/>
    </xf>
    <xf numFmtId="176" fontId="5" fillId="0" borderId="11" xfId="0" applyNumberFormat="1" applyFont="1" applyFill="1" applyBorder="1" applyAlignment="1">
      <alignment horizontal="center" vertical="center"/>
    </xf>
    <xf numFmtId="176" fontId="3" fillId="0" borderId="70" xfId="0" applyNumberFormat="1" applyFont="1" applyFill="1" applyBorder="1" applyAlignment="1">
      <alignment horizontal="left" vertical="center" wrapText="1"/>
    </xf>
    <xf numFmtId="176" fontId="5" fillId="0" borderId="0" xfId="0" applyNumberFormat="1" applyFont="1" applyFill="1" applyBorder="1" applyAlignment="1">
      <alignment horizontal="center" vertical="center"/>
    </xf>
    <xf numFmtId="176" fontId="3" fillId="0" borderId="2" xfId="0" applyNumberFormat="1" applyFont="1" applyFill="1" applyBorder="1" applyAlignment="1">
      <alignment vertical="center"/>
    </xf>
    <xf numFmtId="176" fontId="3" fillId="0" borderId="0" xfId="0" applyNumberFormat="1" applyFont="1" applyFill="1" applyBorder="1" applyAlignment="1">
      <alignment vertical="center"/>
    </xf>
    <xf numFmtId="176" fontId="3" fillId="0" borderId="3" xfId="0" applyNumberFormat="1" applyFont="1" applyFill="1" applyBorder="1" applyAlignment="1">
      <alignment vertical="center"/>
    </xf>
    <xf numFmtId="176" fontId="3" fillId="0" borderId="7" xfId="0" applyNumberFormat="1" applyFont="1" applyFill="1" applyBorder="1" applyAlignment="1">
      <alignment horizontal="left" vertical="center" wrapText="1"/>
    </xf>
    <xf numFmtId="176" fontId="4" fillId="0" borderId="2" xfId="0" applyNumberFormat="1" applyFont="1" applyFill="1" applyBorder="1" applyAlignment="1">
      <alignment vertical="center"/>
    </xf>
    <xf numFmtId="176" fontId="4" fillId="0" borderId="3" xfId="0" applyNumberFormat="1" applyFont="1" applyFill="1" applyBorder="1" applyAlignment="1">
      <alignment vertical="center"/>
    </xf>
    <xf numFmtId="176" fontId="5" fillId="0" borderId="2" xfId="0" applyNumberFormat="1" applyFont="1" applyFill="1" applyBorder="1" applyAlignment="1">
      <alignment vertical="center"/>
    </xf>
    <xf numFmtId="176" fontId="5" fillId="0" borderId="3" xfId="0" applyNumberFormat="1" applyFont="1" applyFill="1" applyBorder="1" applyAlignment="1">
      <alignment vertical="center"/>
    </xf>
    <xf numFmtId="176" fontId="4" fillId="0" borderId="3" xfId="0" applyNumberFormat="1" applyFont="1" applyFill="1" applyBorder="1" applyAlignment="1">
      <alignment vertical="center" wrapText="1"/>
    </xf>
    <xf numFmtId="176" fontId="3" fillId="0" borderId="0" xfId="0" applyNumberFormat="1" applyFont="1" applyFill="1" applyBorder="1" applyAlignment="1">
      <alignment horizontal="left" vertical="top" wrapText="1"/>
    </xf>
    <xf numFmtId="176" fontId="7" fillId="0" borderId="0" xfId="0" applyNumberFormat="1" applyFont="1" applyFill="1" applyBorder="1" applyAlignment="1">
      <alignment horizontal="center" vertical="center"/>
    </xf>
    <xf numFmtId="176" fontId="3" fillId="0" borderId="0" xfId="0" applyNumberFormat="1" applyFont="1" applyFill="1" applyBorder="1" applyAlignment="1">
      <alignment vertical="center" wrapText="1"/>
    </xf>
    <xf numFmtId="0" fontId="0" fillId="0" borderId="6" xfId="0" applyFont="1" applyBorder="1" applyAlignment="1">
      <alignment horizontal="left" vertical="center" wrapText="1"/>
    </xf>
    <xf numFmtId="176" fontId="3" fillId="0" borderId="4" xfId="0" applyNumberFormat="1" applyFont="1" applyFill="1" applyBorder="1" applyAlignment="1">
      <alignment horizontal="left" vertical="center"/>
    </xf>
    <xf numFmtId="176" fontId="3" fillId="0" borderId="0" xfId="0" applyNumberFormat="1" applyFont="1" applyFill="1" applyBorder="1" applyAlignment="1">
      <alignment vertical="top" wrapText="1"/>
    </xf>
    <xf numFmtId="176" fontId="11" fillId="0" borderId="0" xfId="0" applyNumberFormat="1" applyFont="1" applyFill="1" applyBorder="1" applyAlignment="1">
      <alignment vertical="center"/>
    </xf>
    <xf numFmtId="176" fontId="11" fillId="0" borderId="0" xfId="0" applyNumberFormat="1" applyFont="1" applyFill="1" applyBorder="1" applyAlignment="1">
      <alignment horizontal="left" vertical="center"/>
    </xf>
    <xf numFmtId="0" fontId="0" fillId="0" borderId="2" xfId="0" applyFont="1" applyBorder="1" applyAlignment="1">
      <alignment horizontal="left" vertical="center" wrapText="1"/>
    </xf>
    <xf numFmtId="0" fontId="0" fillId="0" borderId="5" xfId="0" applyFont="1" applyBorder="1" applyAlignment="1">
      <alignment horizontal="left" vertical="center" wrapText="1"/>
    </xf>
    <xf numFmtId="0" fontId="0" fillId="0" borderId="66" xfId="0" applyFont="1" applyBorder="1" applyAlignment="1">
      <alignment horizontal="left" vertical="center" wrapText="1"/>
    </xf>
    <xf numFmtId="0" fontId="3" fillId="0" borderId="64" xfId="0" applyFont="1" applyBorder="1" applyAlignment="1">
      <alignment horizontal="left" vertical="center"/>
    </xf>
    <xf numFmtId="0" fontId="3" fillId="0" borderId="2" xfId="0" applyFont="1" applyBorder="1" applyAlignment="1">
      <alignment horizontal="left" vertical="center" wrapText="1"/>
    </xf>
    <xf numFmtId="0" fontId="0" fillId="0" borderId="4" xfId="0" applyFont="1" applyBorder="1" applyAlignment="1">
      <alignment horizontal="left" vertical="center" wrapText="1"/>
    </xf>
    <xf numFmtId="0" fontId="0" fillId="0" borderId="67" xfId="0" applyFont="1" applyBorder="1" applyAlignment="1">
      <alignment horizontal="left" vertical="center" wrapText="1"/>
    </xf>
    <xf numFmtId="0" fontId="3" fillId="0" borderId="0" xfId="0" applyFont="1" applyBorder="1" applyAlignment="1">
      <alignment horizontal="left" vertical="center"/>
    </xf>
    <xf numFmtId="176" fontId="3" fillId="0" borderId="2" xfId="0" applyNumberFormat="1" applyFont="1" applyFill="1" applyBorder="1" applyAlignment="1">
      <alignment horizontal="distributed" vertical="center"/>
    </xf>
    <xf numFmtId="176" fontId="3" fillId="0" borderId="3" xfId="0" applyNumberFormat="1" applyFont="1" applyFill="1" applyBorder="1" applyAlignment="1">
      <alignment horizontal="center" vertical="center"/>
    </xf>
    <xf numFmtId="176" fontId="3" fillId="0" borderId="3" xfId="0" applyNumberFormat="1" applyFont="1" applyFill="1" applyBorder="1" applyAlignment="1">
      <alignment horizontal="distributed" vertical="center"/>
    </xf>
    <xf numFmtId="176" fontId="3" fillId="0" borderId="2" xfId="0" applyNumberFormat="1" applyFont="1" applyFill="1" applyBorder="1" applyAlignment="1">
      <alignment horizontal="center" vertical="center"/>
    </xf>
    <xf numFmtId="176" fontId="3" fillId="0" borderId="28" xfId="0" applyNumberFormat="1" applyFont="1" applyFill="1" applyBorder="1" applyAlignment="1">
      <alignment horizontal="center" vertical="center"/>
    </xf>
    <xf numFmtId="176" fontId="3" fillId="0" borderId="22" xfId="0" applyNumberFormat="1" applyFont="1" applyFill="1" applyBorder="1" applyAlignment="1">
      <alignment horizontal="center" vertical="center"/>
    </xf>
    <xf numFmtId="176" fontId="3" fillId="0" borderId="22" xfId="0" applyNumberFormat="1" applyFont="1" applyFill="1" applyBorder="1" applyAlignment="1">
      <alignment horizontal="distributed" vertical="center"/>
    </xf>
    <xf numFmtId="176" fontId="3" fillId="0" borderId="21" xfId="0" applyNumberFormat="1" applyFont="1" applyFill="1" applyBorder="1" applyAlignment="1">
      <alignment horizontal="center" vertical="center"/>
    </xf>
    <xf numFmtId="176" fontId="3" fillId="0" borderId="32" xfId="0" applyNumberFormat="1" applyFont="1" applyFill="1" applyBorder="1" applyAlignment="1">
      <alignment horizontal="center" vertical="center"/>
    </xf>
    <xf numFmtId="176" fontId="3" fillId="0" borderId="33" xfId="0" applyNumberFormat="1" applyFont="1" applyFill="1" applyBorder="1" applyAlignment="1">
      <alignment horizontal="left" vertical="center"/>
    </xf>
    <xf numFmtId="176" fontId="3" fillId="0" borderId="22" xfId="0" applyNumberFormat="1" applyFont="1" applyFill="1" applyBorder="1" applyAlignment="1">
      <alignment horizontal="left" vertical="center"/>
    </xf>
    <xf numFmtId="176" fontId="3" fillId="0" borderId="32" xfId="0" applyNumberFormat="1" applyFont="1" applyFill="1" applyBorder="1" applyAlignment="1">
      <alignment horizontal="left" vertical="center"/>
    </xf>
    <xf numFmtId="176" fontId="3" fillId="0" borderId="33" xfId="0" applyNumberFormat="1" applyFont="1" applyFill="1" applyBorder="1" applyAlignment="1">
      <alignment horizontal="center" vertical="center"/>
    </xf>
    <xf numFmtId="176" fontId="3" fillId="0" borderId="23" xfId="0" applyNumberFormat="1" applyFont="1" applyFill="1" applyBorder="1" applyAlignment="1">
      <alignment horizontal="center" vertical="center"/>
    </xf>
    <xf numFmtId="176" fontId="3" fillId="0" borderId="25" xfId="0" applyNumberFormat="1" applyFont="1" applyFill="1" applyBorder="1" applyAlignment="1">
      <alignment horizontal="center" vertical="center"/>
    </xf>
    <xf numFmtId="176" fontId="3" fillId="0" borderId="25" xfId="0" applyNumberFormat="1" applyFont="1" applyFill="1" applyBorder="1" applyAlignment="1">
      <alignment horizontal="distributed" vertical="center"/>
    </xf>
    <xf numFmtId="176" fontId="3" fillId="0" borderId="24" xfId="0" applyNumberFormat="1" applyFont="1" applyFill="1" applyBorder="1" applyAlignment="1">
      <alignment horizontal="left" vertical="center"/>
    </xf>
    <xf numFmtId="176" fontId="3" fillId="0" borderId="25" xfId="0" applyNumberFormat="1" applyFont="1" applyFill="1" applyBorder="1" applyAlignment="1">
      <alignment horizontal="left" vertical="center"/>
    </xf>
    <xf numFmtId="176" fontId="3" fillId="0" borderId="31" xfId="0" applyNumberFormat="1" applyFont="1" applyFill="1" applyBorder="1" applyAlignment="1">
      <alignment horizontal="left" vertical="center"/>
    </xf>
    <xf numFmtId="176" fontId="3" fillId="0" borderId="30" xfId="0" applyNumberFormat="1" applyFont="1" applyFill="1" applyBorder="1" applyAlignment="1">
      <alignment horizontal="center" vertical="center"/>
    </xf>
    <xf numFmtId="176" fontId="3" fillId="0" borderId="31" xfId="0" applyNumberFormat="1" applyFont="1" applyFill="1" applyBorder="1" applyAlignment="1">
      <alignment horizontal="center" vertical="center"/>
    </xf>
    <xf numFmtId="176" fontId="3" fillId="0" borderId="26" xfId="0" applyNumberFormat="1" applyFont="1" applyFill="1" applyBorder="1" applyAlignment="1">
      <alignment horizontal="center" vertical="center"/>
    </xf>
    <xf numFmtId="176" fontId="3" fillId="0" borderId="21" xfId="0" applyNumberFormat="1" applyFont="1" applyFill="1" applyBorder="1" applyAlignment="1">
      <alignment horizontal="left" vertical="center"/>
    </xf>
    <xf numFmtId="176" fontId="3" fillId="0" borderId="24" xfId="0" applyNumberFormat="1" applyFont="1" applyFill="1" applyBorder="1" applyAlignment="1">
      <alignment horizontal="center" vertical="center"/>
    </xf>
    <xf numFmtId="176" fontId="3" fillId="0" borderId="30" xfId="0" applyNumberFormat="1" applyFont="1" applyFill="1" applyBorder="1" applyAlignment="1">
      <alignment horizontal="left" vertical="center"/>
    </xf>
    <xf numFmtId="176" fontId="3" fillId="0" borderId="17" xfId="0" applyNumberFormat="1" applyFont="1" applyFill="1" applyBorder="1" applyAlignment="1">
      <alignment horizontal="center" vertical="center"/>
    </xf>
    <xf numFmtId="176" fontId="3" fillId="0" borderId="91" xfId="0" applyNumberFormat="1" applyFont="1" applyFill="1" applyBorder="1" applyAlignment="1">
      <alignment horizontal="center" vertical="center"/>
    </xf>
    <xf numFmtId="176" fontId="3" fillId="0" borderId="62" xfId="0" applyNumberFormat="1" applyFont="1" applyFill="1" applyBorder="1" applyAlignment="1">
      <alignment horizontal="center" vertical="center"/>
    </xf>
    <xf numFmtId="176" fontId="3" fillId="0" borderId="59" xfId="0" applyNumberFormat="1" applyFont="1" applyFill="1" applyBorder="1" applyAlignment="1">
      <alignment horizontal="right" vertical="center"/>
    </xf>
    <xf numFmtId="176" fontId="3" fillId="0" borderId="61" xfId="0" applyNumberFormat="1" applyFont="1" applyFill="1" applyBorder="1" applyAlignment="1">
      <alignment horizontal="right" vertical="center"/>
    </xf>
    <xf numFmtId="176" fontId="3" fillId="0" borderId="63" xfId="0" applyNumberFormat="1" applyFont="1" applyFill="1" applyBorder="1" applyAlignment="1">
      <alignment horizontal="right" vertical="center"/>
    </xf>
    <xf numFmtId="176" fontId="3" fillId="0" borderId="92" xfId="0" applyNumberFormat="1" applyFont="1" applyFill="1" applyBorder="1" applyAlignment="1">
      <alignment horizontal="right" vertical="center"/>
    </xf>
    <xf numFmtId="176" fontId="3" fillId="0" borderId="12" xfId="0" applyNumberFormat="1" applyFont="1" applyFill="1" applyBorder="1" applyAlignment="1">
      <alignment horizontal="right" vertical="center"/>
    </xf>
    <xf numFmtId="176" fontId="3" fillId="0" borderId="13" xfId="0" applyNumberFormat="1" applyFont="1" applyFill="1" applyBorder="1" applyAlignment="1">
      <alignment horizontal="right" vertical="center"/>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distributed" vertical="center"/>
    </xf>
    <xf numFmtId="176" fontId="3" fillId="0" borderId="28" xfId="0" applyNumberFormat="1" applyFont="1" applyFill="1" applyBorder="1" applyAlignment="1">
      <alignment horizontal="distributed" vertical="center"/>
    </xf>
    <xf numFmtId="176" fontId="3" fillId="0" borderId="93" xfId="0" applyNumberFormat="1" applyFont="1" applyFill="1" applyBorder="1" applyAlignment="1">
      <alignment horizontal="center" vertical="center"/>
    </xf>
    <xf numFmtId="176" fontId="3" fillId="0" borderId="72" xfId="0" applyNumberFormat="1" applyFont="1" applyFill="1" applyBorder="1" applyAlignment="1">
      <alignment horizontal="center" vertical="center"/>
    </xf>
    <xf numFmtId="176" fontId="3" fillId="0" borderId="94" xfId="0" applyNumberFormat="1" applyFont="1" applyFill="1" applyBorder="1" applyAlignment="1">
      <alignment horizontal="center" vertical="center"/>
    </xf>
    <xf numFmtId="0" fontId="9" fillId="0" borderId="0" xfId="0" applyFont="1" applyAlignment="1"/>
    <xf numFmtId="176" fontId="8" fillId="0" borderId="0" xfId="0" applyNumberFormat="1" applyFont="1" applyFill="1" applyBorder="1" applyAlignment="1">
      <alignment horizontal="center"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19" xfId="0" applyNumberFormat="1" applyFont="1" applyFill="1" applyBorder="1" applyAlignment="1">
      <alignment horizontal="center" vertical="center"/>
    </xf>
    <xf numFmtId="176" fontId="3" fillId="0" borderId="19" xfId="0" applyNumberFormat="1" applyFont="1" applyFill="1" applyBorder="1" applyAlignment="1">
      <alignment horizontal="distributed" vertical="center"/>
    </xf>
    <xf numFmtId="176" fontId="3" fillId="0" borderId="20" xfId="0" applyNumberFormat="1" applyFont="1" applyFill="1" applyBorder="1" applyAlignment="1">
      <alignment horizontal="center" vertical="center"/>
    </xf>
    <xf numFmtId="176" fontId="3" fillId="0" borderId="18" xfId="0" applyNumberFormat="1" applyFont="1" applyFill="1" applyBorder="1" applyAlignment="1">
      <alignment horizontal="center" vertical="center"/>
    </xf>
    <xf numFmtId="176" fontId="10" fillId="0" borderId="30" xfId="0" applyNumberFormat="1" applyFont="1" applyFill="1" applyBorder="1" applyAlignment="1">
      <alignment horizontal="center" vertical="center" wrapText="1"/>
    </xf>
    <xf numFmtId="176" fontId="10" fillId="0" borderId="25" xfId="0" applyNumberFormat="1" applyFont="1" applyFill="1" applyBorder="1" applyAlignment="1">
      <alignment horizontal="center" vertical="center" wrapText="1"/>
    </xf>
    <xf numFmtId="176" fontId="10" fillId="0" borderId="31" xfId="0" applyNumberFormat="1" applyFont="1" applyFill="1" applyBorder="1" applyAlignment="1">
      <alignment horizontal="center" vertical="center" wrapText="1"/>
    </xf>
    <xf numFmtId="176" fontId="3" fillId="0" borderId="14" xfId="0" applyNumberFormat="1" applyFont="1" applyFill="1" applyBorder="1" applyAlignment="1">
      <alignment horizontal="center" vertical="center"/>
    </xf>
    <xf numFmtId="176" fontId="3" fillId="0" borderId="15" xfId="0" applyNumberFormat="1" applyFont="1" applyFill="1" applyBorder="1" applyAlignment="1">
      <alignment horizontal="center" vertical="center"/>
    </xf>
    <xf numFmtId="176" fontId="3" fillId="0" borderId="53"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3" xfId="0" applyNumberFormat="1" applyFont="1" applyFill="1" applyBorder="1" applyAlignment="1">
      <alignment horizontal="left" vertical="center"/>
    </xf>
    <xf numFmtId="176" fontId="3" fillId="0" borderId="3" xfId="0" applyNumberFormat="1" applyFont="1" applyFill="1" applyBorder="1" applyAlignment="1">
      <alignment horizontal="right" vertical="center"/>
    </xf>
    <xf numFmtId="176" fontId="3" fillId="0" borderId="38" xfId="0" applyNumberFormat="1" applyFont="1" applyFill="1" applyBorder="1" applyAlignment="1">
      <alignment horizontal="center" vertical="center"/>
    </xf>
    <xf numFmtId="176" fontId="3" fillId="0" borderId="39" xfId="0" applyNumberFormat="1" applyFont="1" applyFill="1" applyBorder="1" applyAlignment="1">
      <alignment horizontal="center" vertical="center"/>
    </xf>
    <xf numFmtId="176" fontId="2" fillId="0" borderId="3" xfId="0" applyNumberFormat="1" applyFont="1" applyFill="1" applyBorder="1" applyAlignment="1">
      <alignment horizontal="center" vertical="center"/>
    </xf>
    <xf numFmtId="176" fontId="2" fillId="0" borderId="1" xfId="0" applyNumberFormat="1" applyFont="1" applyFill="1" applyBorder="1" applyAlignment="1">
      <alignment horizontal="center" vertical="center"/>
    </xf>
    <xf numFmtId="176" fontId="2" fillId="0" borderId="7" xfId="0" applyNumberFormat="1" applyFont="1" applyFill="1" applyBorder="1" applyAlignment="1">
      <alignment horizontal="center" vertical="center"/>
    </xf>
    <xf numFmtId="176" fontId="3" fillId="0" borderId="2" xfId="0" applyNumberFormat="1" applyFont="1" applyFill="1" applyBorder="1" applyAlignment="1">
      <alignment horizontal="right" vertical="center"/>
    </xf>
    <xf numFmtId="176" fontId="3" fillId="0" borderId="3" xfId="0" applyNumberFormat="1" applyFont="1" applyFill="1" applyBorder="1" applyAlignment="1">
      <alignment horizontal="center" vertical="center" wrapText="1"/>
    </xf>
    <xf numFmtId="176" fontId="3" fillId="0" borderId="17" xfId="0" applyNumberFormat="1" applyFont="1" applyFill="1" applyBorder="1" applyAlignment="1">
      <alignment horizontal="left" vertical="center"/>
    </xf>
    <xf numFmtId="176" fontId="3" fillId="0" borderId="91" xfId="0" applyNumberFormat="1" applyFont="1" applyFill="1" applyBorder="1" applyAlignment="1">
      <alignment horizontal="left" vertical="center"/>
    </xf>
    <xf numFmtId="176" fontId="3" fillId="0" borderId="52" xfId="0" applyNumberFormat="1" applyFont="1" applyFill="1" applyBorder="1" applyAlignment="1">
      <alignment horizontal="center" vertical="center"/>
    </xf>
    <xf numFmtId="176" fontId="3" fillId="0" borderId="54" xfId="0" applyNumberFormat="1" applyFont="1" applyFill="1" applyBorder="1" applyAlignment="1">
      <alignment horizontal="center" vertical="center"/>
    </xf>
    <xf numFmtId="176" fontId="3" fillId="0" borderId="34" xfId="0" applyNumberFormat="1" applyFont="1" applyFill="1" applyBorder="1" applyAlignment="1">
      <alignment horizontal="center" vertical="center"/>
    </xf>
    <xf numFmtId="176" fontId="3" fillId="0" borderId="29" xfId="0" applyNumberFormat="1" applyFont="1" applyFill="1" applyBorder="1" applyAlignment="1">
      <alignment horizontal="center" vertical="center"/>
    </xf>
    <xf numFmtId="176" fontId="3" fillId="0" borderId="2" xfId="0" applyNumberFormat="1" applyFont="1" applyFill="1" applyBorder="1" applyAlignment="1">
      <alignment horizontal="center"/>
    </xf>
    <xf numFmtId="176" fontId="3" fillId="0" borderId="0" xfId="0" applyNumberFormat="1" applyFont="1" applyFill="1" applyBorder="1" applyAlignment="1">
      <alignment horizontal="left" vertical="center" wrapText="1"/>
    </xf>
    <xf numFmtId="176" fontId="2" fillId="0" borderId="2" xfId="0" applyNumberFormat="1" applyFont="1" applyFill="1" applyBorder="1" applyAlignment="1">
      <alignment horizontal="left" vertical="top" wrapText="1"/>
    </xf>
    <xf numFmtId="176" fontId="2" fillId="0" borderId="11" xfId="0" applyNumberFormat="1" applyFont="1" applyFill="1" applyBorder="1" applyAlignment="1">
      <alignment horizontal="left" vertical="top" wrapText="1"/>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3" fillId="0" borderId="35" xfId="0" applyNumberFormat="1" applyFont="1" applyFill="1" applyBorder="1" applyAlignment="1">
      <alignment horizontal="center" vertical="center"/>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5" xfId="0" applyNumberFormat="1" applyFont="1" applyFill="1" applyBorder="1" applyAlignment="1">
      <alignment horizontal="center" vertical="center" textRotation="255"/>
    </xf>
    <xf numFmtId="176" fontId="3" fillId="0" borderId="2"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textRotation="255"/>
    </xf>
    <xf numFmtId="176" fontId="3" fillId="0" borderId="4"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6"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9" xfId="0" applyNumberFormat="1" applyFont="1" applyFill="1" applyBorder="1" applyAlignment="1">
      <alignment horizontal="center" vertical="center" textRotation="255"/>
    </xf>
    <xf numFmtId="176" fontId="3" fillId="0" borderId="46" xfId="0" applyNumberFormat="1" applyFont="1" applyFill="1" applyBorder="1" applyAlignment="1">
      <alignment horizontal="center" vertical="center" wrapText="1"/>
    </xf>
    <xf numFmtId="176" fontId="3" fillId="0" borderId="47" xfId="0" applyNumberFormat="1" applyFont="1" applyFill="1" applyBorder="1" applyAlignment="1">
      <alignment horizontal="center" vertical="center" wrapText="1"/>
    </xf>
    <xf numFmtId="176" fontId="3" fillId="0" borderId="48" xfId="0" applyNumberFormat="1" applyFont="1" applyFill="1" applyBorder="1" applyAlignment="1">
      <alignment horizontal="center" vertical="center" wrapText="1"/>
    </xf>
    <xf numFmtId="176" fontId="3" fillId="0" borderId="49" xfId="0" applyNumberFormat="1" applyFont="1" applyFill="1" applyBorder="1" applyAlignment="1">
      <alignment horizontal="center" vertical="center" wrapText="1"/>
    </xf>
    <xf numFmtId="176" fontId="3" fillId="0" borderId="50" xfId="0" applyNumberFormat="1" applyFont="1" applyFill="1" applyBorder="1" applyAlignment="1">
      <alignment horizontal="center" vertical="center" wrapText="1"/>
    </xf>
    <xf numFmtId="176" fontId="3" fillId="0" borderId="51" xfId="0" applyNumberFormat="1" applyFont="1" applyFill="1" applyBorder="1" applyAlignment="1">
      <alignment horizontal="center" vertical="center" wrapText="1"/>
    </xf>
    <xf numFmtId="176" fontId="3" fillId="0" borderId="5"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wrapText="1"/>
    </xf>
    <xf numFmtId="176" fontId="3" fillId="0" borderId="9" xfId="0" applyNumberFormat="1" applyFont="1" applyFill="1" applyBorder="1" applyAlignment="1">
      <alignment horizontal="center" vertical="center"/>
    </xf>
    <xf numFmtId="176" fontId="5" fillId="0" borderId="8" xfId="0" applyNumberFormat="1" applyFont="1" applyFill="1" applyBorder="1" applyAlignment="1">
      <alignment horizontal="right" vertical="center"/>
    </xf>
    <xf numFmtId="176" fontId="5" fillId="0" borderId="3" xfId="0" applyNumberFormat="1" applyFont="1" applyFill="1" applyBorder="1" applyAlignment="1">
      <alignment horizontal="right" vertical="center"/>
    </xf>
    <xf numFmtId="176" fontId="5" fillId="0" borderId="9" xfId="0" applyNumberFormat="1" applyFont="1" applyFill="1" applyBorder="1" applyAlignment="1">
      <alignment horizontal="right" vertical="center"/>
    </xf>
    <xf numFmtId="176" fontId="3" fillId="0" borderId="43" xfId="0" applyNumberFormat="1" applyFont="1" applyFill="1" applyBorder="1" applyAlignment="1">
      <alignment horizontal="center" vertical="center"/>
    </xf>
    <xf numFmtId="176" fontId="3" fillId="0" borderId="44"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5" fillId="0" borderId="18" xfId="0" applyNumberFormat="1" applyFont="1" applyFill="1" applyBorder="1" applyAlignment="1">
      <alignment horizontal="center" vertical="center" wrapText="1"/>
    </xf>
    <xf numFmtId="176" fontId="5" fillId="0" borderId="19" xfId="0" applyNumberFormat="1" applyFont="1" applyFill="1" applyBorder="1" applyAlignment="1">
      <alignment horizontal="center" vertical="center"/>
    </xf>
    <xf numFmtId="176" fontId="5" fillId="0" borderId="20" xfId="0" applyNumberFormat="1" applyFont="1" applyFill="1" applyBorder="1" applyAlignment="1">
      <alignment horizontal="center" vertical="center"/>
    </xf>
    <xf numFmtId="176" fontId="5" fillId="0" borderId="43" xfId="0" applyNumberFormat="1" applyFont="1" applyFill="1" applyBorder="1" applyAlignment="1">
      <alignment horizontal="center" vertical="center"/>
    </xf>
    <xf numFmtId="176" fontId="5" fillId="0" borderId="44" xfId="0" applyNumberFormat="1" applyFont="1" applyFill="1" applyBorder="1" applyAlignment="1">
      <alignment horizontal="center" vertical="center"/>
    </xf>
    <xf numFmtId="176" fontId="5" fillId="0" borderId="45"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176" fontId="5" fillId="0" borderId="16" xfId="0" applyNumberFormat="1" applyFont="1" applyFill="1" applyBorder="1" applyAlignment="1">
      <alignment horizontal="center" vertical="center" wrapText="1"/>
    </xf>
    <xf numFmtId="176" fontId="5" fillId="0" borderId="89" xfId="0" applyNumberFormat="1" applyFont="1" applyFill="1" applyBorder="1" applyAlignment="1">
      <alignment horizontal="center" vertical="center"/>
    </xf>
    <xf numFmtId="176" fontId="5" fillId="0" borderId="16" xfId="0" applyNumberFormat="1" applyFont="1" applyFill="1" applyBorder="1" applyAlignment="1">
      <alignment horizontal="center" vertical="center"/>
    </xf>
    <xf numFmtId="176" fontId="3" fillId="0" borderId="90" xfId="0" applyNumberFormat="1" applyFont="1" applyFill="1" applyBorder="1" applyAlignment="1">
      <alignment horizontal="center" vertical="center"/>
    </xf>
    <xf numFmtId="176" fontId="4" fillId="0" borderId="10" xfId="0" applyNumberFormat="1" applyFont="1" applyFill="1" applyBorder="1" applyAlignment="1">
      <alignment horizontal="center" vertical="center" wrapText="1"/>
    </xf>
    <xf numFmtId="176" fontId="4" fillId="0" borderId="1" xfId="0" applyNumberFormat="1" applyFont="1" applyFill="1" applyBorder="1" applyAlignment="1">
      <alignment horizontal="center" vertical="center" wrapText="1"/>
    </xf>
    <xf numFmtId="176" fontId="4" fillId="0" borderId="7" xfId="0" applyNumberFormat="1" applyFont="1" applyFill="1" applyBorder="1" applyAlignment="1">
      <alignment horizontal="center" vertical="center" wrapText="1"/>
    </xf>
    <xf numFmtId="176" fontId="5" fillId="0" borderId="10" xfId="0" applyNumberFormat="1" applyFont="1" applyFill="1" applyBorder="1" applyAlignment="1">
      <alignment horizontal="center" vertical="center" wrapText="1"/>
    </xf>
    <xf numFmtId="176" fontId="5" fillId="0" borderId="1" xfId="0" applyNumberFormat="1" applyFont="1" applyFill="1" applyBorder="1" applyAlignment="1">
      <alignment horizontal="center" vertical="center" wrapText="1"/>
    </xf>
    <xf numFmtId="176" fontId="5" fillId="0" borderId="7" xfId="0" applyNumberFormat="1" applyFont="1" applyFill="1" applyBorder="1" applyAlignment="1">
      <alignment horizontal="center" vertical="center" wrapText="1"/>
    </xf>
    <xf numFmtId="176" fontId="3" fillId="0" borderId="5" xfId="0" applyNumberFormat="1" applyFont="1" applyFill="1" applyBorder="1" applyAlignment="1">
      <alignment horizontal="left" vertical="center" wrapText="1"/>
    </xf>
    <xf numFmtId="176" fontId="3" fillId="0" borderId="2" xfId="0" applyNumberFormat="1" applyFont="1" applyFill="1" applyBorder="1" applyAlignment="1">
      <alignment horizontal="left" vertical="center" wrapText="1"/>
    </xf>
    <xf numFmtId="176" fontId="3" fillId="0" borderId="11" xfId="0" applyNumberFormat="1" applyFont="1" applyFill="1" applyBorder="1" applyAlignment="1">
      <alignment horizontal="left" vertical="center" wrapText="1"/>
    </xf>
    <xf numFmtId="176" fontId="3" fillId="0" borderId="8"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3" fillId="0" borderId="9" xfId="0" applyNumberFormat="1" applyFont="1" applyFill="1" applyBorder="1" applyAlignment="1">
      <alignment horizontal="left" vertical="center" wrapText="1"/>
    </xf>
    <xf numFmtId="176" fontId="3" fillId="0" borderId="5" xfId="0" applyNumberFormat="1" applyFont="1" applyFill="1" applyBorder="1" applyAlignment="1">
      <alignment horizontal="center" vertical="center" wrapText="1"/>
    </xf>
    <xf numFmtId="176" fontId="3" fillId="0" borderId="11" xfId="0" applyNumberFormat="1" applyFont="1" applyFill="1" applyBorder="1" applyAlignment="1">
      <alignment horizontal="center" vertical="center" wrapText="1"/>
    </xf>
    <xf numFmtId="176" fontId="3" fillId="0" borderId="56" xfId="0" applyNumberFormat="1" applyFont="1" applyFill="1" applyBorder="1" applyAlignment="1">
      <alignment horizontal="center" vertical="center"/>
    </xf>
    <xf numFmtId="176" fontId="3" fillId="0" borderId="57" xfId="0" applyNumberFormat="1" applyFont="1" applyFill="1" applyBorder="1" applyAlignment="1">
      <alignment horizontal="center" vertical="center"/>
    </xf>
    <xf numFmtId="176" fontId="3" fillId="0" borderId="58"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wrapText="1"/>
    </xf>
    <xf numFmtId="176" fontId="3" fillId="0" borderId="9" xfId="0" applyNumberFormat="1" applyFont="1" applyFill="1" applyBorder="1" applyAlignment="1">
      <alignment horizontal="center" vertical="center" wrapText="1"/>
    </xf>
    <xf numFmtId="176" fontId="4" fillId="0" borderId="5" xfId="0" applyNumberFormat="1" applyFont="1" applyFill="1" applyBorder="1" applyAlignment="1">
      <alignment horizontal="center" vertical="center" wrapText="1"/>
    </xf>
    <xf numFmtId="176" fontId="4" fillId="0" borderId="2" xfId="0" applyNumberFormat="1" applyFont="1" applyFill="1" applyBorder="1" applyAlignment="1">
      <alignment horizontal="center" vertical="center" wrapText="1"/>
    </xf>
    <xf numFmtId="176" fontId="4" fillId="0" borderId="11" xfId="0" applyNumberFormat="1" applyFont="1" applyFill="1" applyBorder="1" applyAlignment="1">
      <alignment horizontal="center" vertical="center" wrapText="1"/>
    </xf>
    <xf numFmtId="176" fontId="5" fillId="0" borderId="5" xfId="0" applyNumberFormat="1" applyFont="1" applyFill="1" applyBorder="1" applyAlignment="1">
      <alignment horizontal="center" vertical="center" wrapText="1"/>
    </xf>
    <xf numFmtId="176" fontId="5" fillId="0" borderId="2" xfId="0" applyNumberFormat="1" applyFont="1" applyFill="1" applyBorder="1" applyAlignment="1">
      <alignment horizontal="center" vertical="center" wrapText="1"/>
    </xf>
    <xf numFmtId="176" fontId="5" fillId="0" borderId="11" xfId="0" applyNumberFormat="1" applyFont="1" applyFill="1" applyBorder="1" applyAlignment="1">
      <alignment horizontal="center" vertical="center" wrapText="1"/>
    </xf>
    <xf numFmtId="176" fontId="3" fillId="0" borderId="4" xfId="0" applyNumberFormat="1" applyFont="1" applyFill="1" applyBorder="1" applyAlignment="1">
      <alignment horizontal="left" vertical="center" wrapText="1"/>
    </xf>
    <xf numFmtId="176" fontId="3" fillId="0" borderId="6" xfId="0" applyNumberFormat="1" applyFont="1" applyFill="1" applyBorder="1" applyAlignment="1">
      <alignment horizontal="left" vertical="center" wrapText="1"/>
    </xf>
    <xf numFmtId="176" fontId="3" fillId="0" borderId="10" xfId="0" applyNumberFormat="1" applyFont="1" applyFill="1" applyBorder="1" applyAlignment="1">
      <alignment horizontal="center" vertical="center" shrinkToFit="1"/>
    </xf>
    <xf numFmtId="176" fontId="3" fillId="0" borderId="1" xfId="0" applyNumberFormat="1" applyFont="1" applyFill="1" applyBorder="1" applyAlignment="1">
      <alignment horizontal="center" vertical="center" shrinkToFit="1"/>
    </xf>
    <xf numFmtId="176" fontId="2" fillId="0" borderId="0" xfId="0" applyNumberFormat="1" applyFont="1" applyFill="1" applyBorder="1" applyAlignment="1">
      <alignment horizontal="center" vertical="center" shrinkToFit="1"/>
    </xf>
    <xf numFmtId="176" fontId="2" fillId="0" borderId="0" xfId="0" applyNumberFormat="1" applyFont="1" applyFill="1" applyBorder="1" applyAlignment="1">
      <alignment horizontal="right" vertical="center"/>
    </xf>
    <xf numFmtId="176" fontId="2" fillId="0" borderId="6" xfId="0" applyNumberFormat="1" applyFont="1" applyFill="1" applyBorder="1" applyAlignment="1">
      <alignment horizontal="right" vertical="center"/>
    </xf>
    <xf numFmtId="176" fontId="2" fillId="0" borderId="4" xfId="0" applyNumberFormat="1" applyFont="1" applyFill="1" applyBorder="1" applyAlignment="1">
      <alignment vertical="center" shrinkToFit="1"/>
    </xf>
    <xf numFmtId="0" fontId="0" fillId="0" borderId="0" xfId="0" applyFont="1" applyBorder="1" applyAlignment="1">
      <alignment vertical="center" shrinkToFit="1"/>
    </xf>
    <xf numFmtId="176" fontId="2" fillId="0" borderId="41" xfId="0" applyNumberFormat="1" applyFont="1" applyFill="1" applyBorder="1" applyAlignment="1">
      <alignment vertical="center" shrinkToFit="1"/>
    </xf>
    <xf numFmtId="0" fontId="0" fillId="0" borderId="6" xfId="0" applyFont="1" applyBorder="1" applyAlignment="1">
      <alignment vertical="center" shrinkToFit="1"/>
    </xf>
    <xf numFmtId="176" fontId="2" fillId="0" borderId="84" xfId="0" applyNumberFormat="1" applyFont="1" applyFill="1" applyBorder="1" applyAlignment="1">
      <alignment horizontal="right" vertical="center"/>
    </xf>
    <xf numFmtId="176" fontId="3" fillId="0" borderId="77" xfId="0" applyNumberFormat="1" applyFont="1" applyFill="1" applyBorder="1" applyAlignment="1">
      <alignment horizontal="center" vertical="center"/>
    </xf>
    <xf numFmtId="176" fontId="2" fillId="0" borderId="16" xfId="0" applyNumberFormat="1" applyFont="1" applyFill="1" applyBorder="1" applyAlignment="1">
      <alignment horizontal="center" vertical="center"/>
    </xf>
    <xf numFmtId="176" fontId="2" fillId="0" borderId="10" xfId="0" applyNumberFormat="1" applyFont="1" applyFill="1" applyBorder="1" applyAlignment="1">
      <alignment horizontal="center" vertical="center"/>
    </xf>
    <xf numFmtId="176" fontId="2" fillId="0" borderId="3" xfId="0" applyNumberFormat="1" applyFont="1" applyFill="1" applyBorder="1" applyAlignment="1">
      <alignment horizontal="center" vertical="center" shrinkToFit="1"/>
    </xf>
    <xf numFmtId="176" fontId="6" fillId="0" borderId="4" xfId="0" applyNumberFormat="1" applyFont="1" applyFill="1" applyBorder="1" applyAlignment="1">
      <alignment horizontal="left" wrapText="1"/>
    </xf>
    <xf numFmtId="176" fontId="6" fillId="0" borderId="0" xfId="0" applyNumberFormat="1" applyFont="1" applyFill="1" applyBorder="1" applyAlignment="1">
      <alignment horizontal="left" wrapText="1"/>
    </xf>
    <xf numFmtId="176" fontId="6" fillId="0" borderId="6" xfId="0" applyNumberFormat="1" applyFont="1" applyFill="1" applyBorder="1" applyAlignment="1">
      <alignment horizontal="left" wrapText="1"/>
    </xf>
    <xf numFmtId="176" fontId="4" fillId="0" borderId="0" xfId="0" applyNumberFormat="1" applyFont="1" applyFill="1" applyBorder="1" applyAlignment="1">
      <alignment horizontal="left" vertical="center" wrapText="1"/>
    </xf>
    <xf numFmtId="176" fontId="3" fillId="0" borderId="1" xfId="0" applyNumberFormat="1" applyFont="1" applyFill="1" applyBorder="1" applyAlignment="1">
      <alignment horizontal="distributed" vertical="center"/>
    </xf>
    <xf numFmtId="176" fontId="3" fillId="0" borderId="0" xfId="0" applyNumberFormat="1" applyFont="1" applyFill="1" applyBorder="1" applyAlignment="1">
      <alignment horizontal="left" vertical="top" wrapText="1"/>
    </xf>
    <xf numFmtId="176" fontId="3" fillId="0" borderId="7" xfId="0" applyNumberFormat="1" applyFont="1" applyFill="1" applyBorder="1" applyAlignment="1">
      <alignment horizontal="center" vertical="center" shrinkToFit="1"/>
    </xf>
    <xf numFmtId="176" fontId="2" fillId="0" borderId="4" xfId="0" applyNumberFormat="1" applyFont="1" applyFill="1" applyBorder="1" applyAlignment="1">
      <alignment horizontal="left" vertical="top" wrapText="1"/>
    </xf>
    <xf numFmtId="176" fontId="3" fillId="0" borderId="10" xfId="0" applyNumberFormat="1" applyFont="1" applyFill="1" applyBorder="1" applyAlignment="1">
      <alignment horizontal="center" vertical="center" wrapText="1"/>
    </xf>
    <xf numFmtId="176" fontId="3" fillId="0" borderId="1" xfId="0" applyNumberFormat="1" applyFont="1" applyFill="1" applyBorder="1" applyAlignment="1">
      <alignment horizontal="center" vertical="center" wrapText="1"/>
    </xf>
    <xf numFmtId="176" fontId="3" fillId="0" borderId="7" xfId="0" applyNumberFormat="1" applyFont="1" applyFill="1" applyBorder="1" applyAlignment="1">
      <alignment horizontal="center" vertical="center" wrapText="1"/>
    </xf>
    <xf numFmtId="176" fontId="3" fillId="0" borderId="6" xfId="0" applyNumberFormat="1" applyFont="1" applyFill="1" applyBorder="1" applyAlignment="1">
      <alignment horizontal="center" vertical="center"/>
    </xf>
    <xf numFmtId="176" fontId="3" fillId="0" borderId="4" xfId="0" applyNumberFormat="1" applyFont="1" applyFill="1" applyBorder="1" applyAlignment="1">
      <alignment horizontal="center" vertical="center"/>
    </xf>
    <xf numFmtId="176" fontId="5" fillId="0" borderId="46" xfId="0" applyNumberFormat="1" applyFont="1" applyFill="1" applyBorder="1" applyAlignment="1">
      <alignment horizontal="center" vertical="center" wrapText="1"/>
    </xf>
    <xf numFmtId="176" fontId="5" fillId="0" borderId="47" xfId="0" applyNumberFormat="1" applyFont="1" applyFill="1" applyBorder="1" applyAlignment="1">
      <alignment horizontal="center" vertical="center" wrapText="1"/>
    </xf>
    <xf numFmtId="176" fontId="5" fillId="0" borderId="48" xfId="0" applyNumberFormat="1" applyFont="1" applyFill="1" applyBorder="1" applyAlignment="1">
      <alignment horizontal="center" vertical="center" wrapText="1"/>
    </xf>
    <xf numFmtId="176" fontId="5" fillId="0" borderId="73" xfId="0" applyNumberFormat="1" applyFont="1" applyFill="1" applyBorder="1" applyAlignment="1">
      <alignment horizontal="center" vertical="center" wrapText="1"/>
    </xf>
    <xf numFmtId="176" fontId="5" fillId="0" borderId="74" xfId="0" applyNumberFormat="1" applyFont="1" applyFill="1" applyBorder="1" applyAlignment="1">
      <alignment horizontal="center" vertical="center" wrapText="1"/>
    </xf>
    <xf numFmtId="176" fontId="5" fillId="0" borderId="75" xfId="0" applyNumberFormat="1" applyFont="1" applyFill="1" applyBorder="1" applyAlignment="1">
      <alignment horizontal="center" vertical="center" wrapText="1"/>
    </xf>
    <xf numFmtId="176" fontId="5" fillId="0" borderId="49" xfId="0" applyNumberFormat="1" applyFont="1" applyFill="1" applyBorder="1" applyAlignment="1">
      <alignment horizontal="center" vertical="center" wrapText="1"/>
    </xf>
    <xf numFmtId="176" fontId="5" fillId="0" borderId="50" xfId="0" applyNumberFormat="1" applyFont="1" applyFill="1" applyBorder="1" applyAlignment="1">
      <alignment horizontal="center" vertical="center" wrapText="1"/>
    </xf>
    <xf numFmtId="176" fontId="5" fillId="0" borderId="51" xfId="0" applyNumberFormat="1" applyFont="1" applyFill="1" applyBorder="1" applyAlignment="1">
      <alignment horizontal="center" vertical="center" wrapText="1"/>
    </xf>
    <xf numFmtId="176" fontId="5" fillId="0" borderId="10" xfId="0" applyNumberFormat="1" applyFont="1" applyFill="1" applyBorder="1" applyAlignment="1">
      <alignment horizontal="left" vertical="center" wrapText="1"/>
    </xf>
    <xf numFmtId="176" fontId="5" fillId="0" borderId="1" xfId="0" applyNumberFormat="1" applyFont="1" applyFill="1" applyBorder="1" applyAlignment="1">
      <alignment horizontal="left" vertical="center" wrapText="1"/>
    </xf>
    <xf numFmtId="176" fontId="5" fillId="0" borderId="7" xfId="0" applyNumberFormat="1" applyFont="1" applyFill="1" applyBorder="1" applyAlignment="1">
      <alignment horizontal="left" vertical="center" wrapText="1"/>
    </xf>
    <xf numFmtId="176" fontId="3" fillId="0" borderId="0" xfId="0" applyNumberFormat="1" applyFont="1" applyFill="1" applyBorder="1" applyAlignment="1">
      <alignment horizontal="right" vertical="center"/>
    </xf>
    <xf numFmtId="176" fontId="3" fillId="0" borderId="1" xfId="0" applyNumberFormat="1" applyFont="1" applyFill="1" applyBorder="1" applyAlignment="1">
      <alignment horizontal="center" vertical="center" textRotation="255"/>
    </xf>
    <xf numFmtId="176" fontId="3" fillId="0" borderId="65" xfId="0" applyNumberFormat="1" applyFont="1" applyFill="1" applyBorder="1" applyAlignment="1">
      <alignment horizontal="center" vertical="center"/>
    </xf>
    <xf numFmtId="176" fontId="3" fillId="0" borderId="66" xfId="0" applyNumberFormat="1" applyFont="1" applyFill="1" applyBorder="1" applyAlignment="1">
      <alignment horizontal="center" vertical="center"/>
    </xf>
    <xf numFmtId="176" fontId="3" fillId="0" borderId="60" xfId="0" applyNumberFormat="1" applyFont="1" applyFill="1" applyBorder="1" applyAlignment="1">
      <alignment horizontal="center" vertical="center"/>
    </xf>
    <xf numFmtId="176" fontId="3" fillId="0" borderId="67" xfId="0" applyNumberFormat="1" applyFont="1" applyFill="1" applyBorder="1" applyAlignment="1">
      <alignment horizontal="center" vertical="center"/>
    </xf>
    <xf numFmtId="176" fontId="3" fillId="0" borderId="64" xfId="0" applyNumberFormat="1" applyFont="1" applyFill="1" applyBorder="1" applyAlignment="1">
      <alignment horizontal="center" vertical="center"/>
    </xf>
    <xf numFmtId="176" fontId="3" fillId="0" borderId="0" xfId="0" applyNumberFormat="1" applyFont="1" applyFill="1" applyBorder="1" applyAlignment="1">
      <alignment horizontal="center" vertical="center" wrapText="1"/>
    </xf>
    <xf numFmtId="176" fontId="3" fillId="0" borderId="2" xfId="0" applyNumberFormat="1" applyFont="1" applyFill="1" applyBorder="1" applyAlignment="1">
      <alignment horizontal="left" vertical="center" wrapText="1" shrinkToFit="1"/>
    </xf>
    <xf numFmtId="176" fontId="3" fillId="0" borderId="11" xfId="0" applyNumberFormat="1" applyFont="1" applyFill="1" applyBorder="1" applyAlignment="1">
      <alignment horizontal="left" vertical="center" wrapText="1" shrinkToFit="1"/>
    </xf>
    <xf numFmtId="176" fontId="3" fillId="0" borderId="0" xfId="0" applyNumberFormat="1" applyFont="1" applyFill="1" applyBorder="1" applyAlignment="1">
      <alignment horizontal="left" vertical="center" wrapText="1" shrinkToFit="1"/>
    </xf>
    <xf numFmtId="176" fontId="3" fillId="0" borderId="6" xfId="0" applyNumberFormat="1" applyFont="1" applyFill="1" applyBorder="1" applyAlignment="1">
      <alignment horizontal="left" vertical="center" wrapText="1" shrinkToFit="1"/>
    </xf>
    <xf numFmtId="176" fontId="3" fillId="0" borderId="3" xfId="0" applyNumberFormat="1" applyFont="1" applyFill="1" applyBorder="1" applyAlignment="1">
      <alignment horizontal="left" vertical="center" wrapText="1" shrinkToFit="1"/>
    </xf>
    <xf numFmtId="176" fontId="3" fillId="0" borderId="9" xfId="0" applyNumberFormat="1" applyFont="1" applyFill="1" applyBorder="1" applyAlignment="1">
      <alignment horizontal="left" vertical="center" wrapText="1" shrinkToFit="1"/>
    </xf>
    <xf numFmtId="176" fontId="3" fillId="0" borderId="87" xfId="0" applyNumberFormat="1" applyFont="1" applyFill="1" applyBorder="1" applyAlignment="1">
      <alignment horizontal="center" vertical="center" textRotation="255"/>
    </xf>
    <xf numFmtId="176" fontId="3" fillId="0" borderId="86" xfId="0" applyNumberFormat="1" applyFont="1" applyFill="1" applyBorder="1" applyAlignment="1">
      <alignment horizontal="center" vertical="center" textRotation="255"/>
    </xf>
    <xf numFmtId="176" fontId="4" fillId="0" borderId="52" xfId="0" applyNumberFormat="1" applyFont="1" applyFill="1" applyBorder="1" applyAlignment="1">
      <alignment horizontal="center" vertical="center"/>
    </xf>
    <xf numFmtId="176" fontId="4" fillId="0" borderId="15" xfId="0" applyNumberFormat="1" applyFont="1" applyFill="1" applyBorder="1" applyAlignment="1">
      <alignment horizontal="center" vertical="center"/>
    </xf>
    <xf numFmtId="176" fontId="4" fillId="0" borderId="53" xfId="0" applyNumberFormat="1" applyFont="1" applyFill="1" applyBorder="1" applyAlignment="1">
      <alignment horizontal="center" vertical="center"/>
    </xf>
    <xf numFmtId="176" fontId="3" fillId="0" borderId="60" xfId="0" applyNumberFormat="1" applyFont="1" applyFill="1" applyBorder="1" applyAlignment="1">
      <alignment horizontal="center" vertical="center" textRotation="255"/>
    </xf>
    <xf numFmtId="176" fontId="4" fillId="0" borderId="3" xfId="0" applyNumberFormat="1" applyFont="1" applyFill="1" applyBorder="1" applyAlignment="1">
      <alignment horizontal="left" vertical="center" wrapText="1"/>
    </xf>
    <xf numFmtId="176" fontId="4" fillId="0" borderId="54" xfId="0" applyNumberFormat="1" applyFont="1" applyFill="1" applyBorder="1" applyAlignment="1">
      <alignment horizontal="center" vertical="center" wrapText="1"/>
    </xf>
    <xf numFmtId="176" fontId="4" fillId="0" borderId="3" xfId="0" applyNumberFormat="1" applyFont="1" applyFill="1" applyBorder="1" applyAlignment="1">
      <alignment horizontal="center" vertical="center" wrapText="1"/>
    </xf>
    <xf numFmtId="176" fontId="4" fillId="0" borderId="55" xfId="0" applyNumberFormat="1" applyFont="1" applyFill="1" applyBorder="1" applyAlignment="1">
      <alignment horizontal="center" vertical="center" wrapText="1"/>
    </xf>
    <xf numFmtId="176" fontId="3" fillId="0" borderId="54" xfId="0" applyNumberFormat="1" applyFont="1" applyFill="1" applyBorder="1" applyAlignment="1">
      <alignment horizontal="center" vertical="center" textRotation="255"/>
    </xf>
    <xf numFmtId="176" fontId="4" fillId="0" borderId="1" xfId="0" applyNumberFormat="1" applyFont="1" applyFill="1" applyBorder="1" applyAlignment="1">
      <alignment horizontal="left" vertical="center" wrapText="1" shrinkToFit="1"/>
    </xf>
    <xf numFmtId="176" fontId="4" fillId="0" borderId="7" xfId="0" applyNumberFormat="1" applyFont="1" applyFill="1" applyBorder="1" applyAlignment="1">
      <alignment horizontal="left" vertical="center" wrapText="1" shrinkToFit="1"/>
    </xf>
    <xf numFmtId="176" fontId="3" fillId="0" borderId="0" xfId="0" applyNumberFormat="1" applyFont="1" applyFill="1" applyBorder="1" applyAlignment="1">
      <alignment horizontal="left" vertical="center"/>
    </xf>
    <xf numFmtId="176" fontId="3" fillId="0" borderId="6" xfId="0" applyNumberFormat="1" applyFont="1" applyFill="1" applyBorder="1" applyAlignment="1">
      <alignment horizontal="left" vertical="center"/>
    </xf>
    <xf numFmtId="176" fontId="3" fillId="0" borderId="9" xfId="0" applyNumberFormat="1" applyFont="1" applyFill="1" applyBorder="1" applyAlignment="1">
      <alignment horizontal="left" vertical="center"/>
    </xf>
    <xf numFmtId="176" fontId="5" fillId="0" borderId="10" xfId="0" applyNumberFormat="1" applyFont="1" applyFill="1" applyBorder="1" applyAlignment="1">
      <alignment horizontal="distributed" vertical="center" shrinkToFit="1"/>
    </xf>
    <xf numFmtId="176" fontId="5" fillId="0" borderId="1" xfId="0" applyNumberFormat="1" applyFont="1" applyFill="1" applyBorder="1" applyAlignment="1">
      <alignment horizontal="distributed" vertical="center" shrinkToFit="1"/>
    </xf>
    <xf numFmtId="176" fontId="5" fillId="0" borderId="7" xfId="0" applyNumberFormat="1" applyFont="1" applyFill="1" applyBorder="1" applyAlignment="1">
      <alignment horizontal="distributed" vertical="center" shrinkToFit="1"/>
    </xf>
    <xf numFmtId="176" fontId="3" fillId="0" borderId="10" xfId="0" applyNumberFormat="1" applyFont="1" applyFill="1" applyBorder="1" applyAlignment="1">
      <alignment horizontal="distributed" vertical="center" shrinkToFit="1"/>
    </xf>
    <xf numFmtId="176" fontId="3" fillId="0" borderId="1" xfId="0" applyNumberFormat="1" applyFont="1" applyFill="1" applyBorder="1" applyAlignment="1">
      <alignment horizontal="distributed" vertical="center" shrinkToFit="1"/>
    </xf>
    <xf numFmtId="176" fontId="3" fillId="0" borderId="7" xfId="0" applyNumberFormat="1" applyFont="1" applyFill="1" applyBorder="1" applyAlignment="1">
      <alignment horizontal="distributed" vertical="center" shrinkToFit="1"/>
    </xf>
    <xf numFmtId="176" fontId="3" fillId="0" borderId="1" xfId="0" applyNumberFormat="1" applyFont="1" applyFill="1" applyBorder="1" applyAlignment="1">
      <alignment horizontal="left" vertical="center" shrinkToFit="1"/>
    </xf>
    <xf numFmtId="176" fontId="3" fillId="0" borderId="7" xfId="0" applyNumberFormat="1" applyFont="1" applyFill="1" applyBorder="1" applyAlignment="1">
      <alignment horizontal="left" vertical="center" shrinkToFit="1"/>
    </xf>
    <xf numFmtId="176" fontId="3" fillId="0" borderId="5" xfId="0" applyNumberFormat="1" applyFont="1" applyFill="1" applyBorder="1" applyAlignment="1">
      <alignment horizontal="center" vertical="center" shrinkToFit="1"/>
    </xf>
    <xf numFmtId="176" fontId="3" fillId="0" borderId="2" xfId="0" applyNumberFormat="1" applyFont="1" applyFill="1" applyBorder="1" applyAlignment="1">
      <alignment horizontal="center" vertical="center" shrinkToFit="1"/>
    </xf>
    <xf numFmtId="176" fontId="3" fillId="0" borderId="11" xfId="0" applyNumberFormat="1" applyFont="1" applyFill="1" applyBorder="1" applyAlignment="1">
      <alignment horizontal="center" vertical="center" shrinkToFit="1"/>
    </xf>
    <xf numFmtId="176" fontId="3" fillId="0" borderId="4" xfId="0" applyNumberFormat="1" applyFont="1" applyFill="1" applyBorder="1" applyAlignment="1">
      <alignment horizontal="center" vertical="center" shrinkToFit="1"/>
    </xf>
    <xf numFmtId="176" fontId="3" fillId="0" borderId="0" xfId="0" applyNumberFormat="1" applyFont="1" applyFill="1" applyBorder="1" applyAlignment="1">
      <alignment horizontal="center" vertical="center" shrinkToFit="1"/>
    </xf>
    <xf numFmtId="176" fontId="3" fillId="0" borderId="6" xfId="0" applyNumberFormat="1" applyFont="1" applyFill="1" applyBorder="1" applyAlignment="1">
      <alignment horizontal="center" vertical="center" shrinkToFit="1"/>
    </xf>
    <xf numFmtId="176" fontId="3" fillId="0" borderId="8" xfId="0" applyNumberFormat="1" applyFont="1" applyFill="1" applyBorder="1" applyAlignment="1">
      <alignment horizontal="center" vertical="center" shrinkToFit="1"/>
    </xf>
    <xf numFmtId="176" fontId="3" fillId="0" borderId="3" xfId="0" applyNumberFormat="1" applyFont="1" applyFill="1" applyBorder="1" applyAlignment="1">
      <alignment horizontal="center" vertical="center" shrinkToFit="1"/>
    </xf>
    <xf numFmtId="176" fontId="3" fillId="0" borderId="9" xfId="0" applyNumberFormat="1" applyFont="1" applyFill="1" applyBorder="1" applyAlignment="1">
      <alignment horizontal="center" vertical="center" shrinkToFit="1"/>
    </xf>
    <xf numFmtId="176" fontId="3" fillId="0" borderId="1" xfId="0" applyNumberFormat="1" applyFont="1" applyFill="1" applyBorder="1" applyAlignment="1">
      <alignment horizontal="left" vertical="center" wrapText="1"/>
    </xf>
    <xf numFmtId="176" fontId="3" fillId="0" borderId="68" xfId="0" applyNumberFormat="1" applyFont="1" applyFill="1" applyBorder="1" applyAlignment="1">
      <alignment horizontal="left" vertical="center" wrapText="1"/>
    </xf>
    <xf numFmtId="176" fontId="3" fillId="0" borderId="5" xfId="0" applyNumberFormat="1" applyFont="1" applyFill="1" applyBorder="1" applyAlignment="1">
      <alignment horizontal="left" vertical="center" shrinkToFit="1"/>
    </xf>
    <xf numFmtId="176" fontId="3" fillId="0" borderId="2" xfId="0" applyNumberFormat="1" applyFont="1" applyFill="1" applyBorder="1" applyAlignment="1">
      <alignment horizontal="left" vertical="center" shrinkToFit="1"/>
    </xf>
    <xf numFmtId="176" fontId="3" fillId="0" borderId="11" xfId="0" applyNumberFormat="1" applyFont="1" applyFill="1" applyBorder="1" applyAlignment="1">
      <alignment horizontal="left" vertical="center" shrinkToFit="1"/>
    </xf>
    <xf numFmtId="176" fontId="3" fillId="0" borderId="8" xfId="0" applyNumberFormat="1" applyFont="1" applyFill="1" applyBorder="1" applyAlignment="1">
      <alignment horizontal="left" vertical="center" shrinkToFit="1"/>
    </xf>
    <xf numFmtId="176" fontId="3" fillId="0" borderId="3" xfId="0" applyNumberFormat="1" applyFont="1" applyFill="1" applyBorder="1" applyAlignment="1">
      <alignment horizontal="left" vertical="center" shrinkToFit="1"/>
    </xf>
    <xf numFmtId="176" fontId="3" fillId="0" borderId="9" xfId="0" applyNumberFormat="1" applyFont="1" applyFill="1" applyBorder="1" applyAlignment="1">
      <alignment horizontal="left" vertical="center" shrinkToFit="1"/>
    </xf>
    <xf numFmtId="176" fontId="5" fillId="0" borderId="2" xfId="0" applyNumberFormat="1" applyFont="1" applyFill="1" applyBorder="1" applyAlignment="1">
      <alignment horizontal="center" vertical="center"/>
    </xf>
    <xf numFmtId="176" fontId="5" fillId="0" borderId="3" xfId="0" applyNumberFormat="1" applyFont="1" applyFill="1" applyBorder="1" applyAlignment="1">
      <alignment horizontal="center" vertical="center"/>
    </xf>
    <xf numFmtId="176" fontId="5" fillId="0" borderId="1" xfId="0" applyNumberFormat="1" applyFont="1" applyFill="1" applyBorder="1" applyAlignment="1">
      <alignment horizontal="center" vertical="center"/>
    </xf>
    <xf numFmtId="176" fontId="5" fillId="0" borderId="11" xfId="0" applyNumberFormat="1" applyFont="1" applyFill="1" applyBorder="1" applyAlignment="1">
      <alignment horizontal="center" vertical="center"/>
    </xf>
    <xf numFmtId="176" fontId="3" fillId="0" borderId="70" xfId="0" applyNumberFormat="1" applyFont="1" applyFill="1" applyBorder="1" applyAlignment="1">
      <alignment horizontal="left" vertical="center" wrapText="1"/>
    </xf>
    <xf numFmtId="176" fontId="5" fillId="0" borderId="0" xfId="0" applyNumberFormat="1" applyFont="1" applyFill="1" applyBorder="1" applyAlignment="1">
      <alignment horizontal="center" vertical="center"/>
    </xf>
    <xf numFmtId="176" fontId="3" fillId="0" borderId="2" xfId="0" applyNumberFormat="1" applyFont="1" applyFill="1" applyBorder="1" applyAlignment="1">
      <alignment vertical="center"/>
    </xf>
    <xf numFmtId="176" fontId="3" fillId="0" borderId="0" xfId="0" applyNumberFormat="1" applyFont="1" applyFill="1" applyBorder="1" applyAlignment="1">
      <alignment vertical="center"/>
    </xf>
    <xf numFmtId="176" fontId="3" fillId="0" borderId="3" xfId="0" applyNumberFormat="1" applyFont="1" applyFill="1" applyBorder="1" applyAlignment="1">
      <alignment vertical="center"/>
    </xf>
    <xf numFmtId="176" fontId="4" fillId="0" borderId="5" xfId="0" applyNumberFormat="1" applyFont="1" applyFill="1" applyBorder="1" applyAlignment="1">
      <alignment vertical="center" wrapText="1"/>
    </xf>
    <xf numFmtId="176" fontId="4" fillId="0" borderId="2" xfId="0" applyNumberFormat="1" applyFont="1" applyFill="1" applyBorder="1" applyAlignment="1">
      <alignment vertical="center" wrapText="1"/>
    </xf>
    <xf numFmtId="176" fontId="4" fillId="0" borderId="11" xfId="0" applyNumberFormat="1" applyFont="1" applyFill="1" applyBorder="1" applyAlignment="1">
      <alignment vertical="center" wrapText="1"/>
    </xf>
    <xf numFmtId="176" fontId="4" fillId="0" borderId="8" xfId="0" applyNumberFormat="1" applyFont="1" applyFill="1" applyBorder="1" applyAlignment="1">
      <alignment vertical="center" wrapText="1"/>
    </xf>
    <xf numFmtId="176" fontId="4" fillId="0" borderId="3" xfId="0" applyNumberFormat="1" applyFont="1" applyFill="1" applyBorder="1" applyAlignment="1">
      <alignment vertical="center" wrapText="1"/>
    </xf>
    <xf numFmtId="176" fontId="4" fillId="0" borderId="9" xfId="0" applyNumberFormat="1" applyFont="1" applyFill="1" applyBorder="1" applyAlignment="1">
      <alignment vertical="center" wrapText="1"/>
    </xf>
    <xf numFmtId="176" fontId="4" fillId="0" borderId="5" xfId="0" applyNumberFormat="1" applyFont="1" applyFill="1" applyBorder="1" applyAlignment="1">
      <alignment horizontal="center"/>
    </xf>
    <xf numFmtId="176" fontId="4" fillId="0" borderId="2" xfId="0" applyNumberFormat="1" applyFont="1" applyFill="1" applyBorder="1" applyAlignment="1">
      <alignment horizontal="center"/>
    </xf>
    <xf numFmtId="176" fontId="4" fillId="0" borderId="11" xfId="0" applyNumberFormat="1" applyFont="1" applyFill="1" applyBorder="1" applyAlignment="1">
      <alignment horizontal="center"/>
    </xf>
    <xf numFmtId="176" fontId="4" fillId="0" borderId="8" xfId="0" applyNumberFormat="1" applyFont="1" applyFill="1" applyBorder="1" applyAlignment="1">
      <alignment horizontal="center"/>
    </xf>
    <xf numFmtId="176" fontId="4" fillId="0" borderId="3" xfId="0" applyNumberFormat="1" applyFont="1" applyFill="1" applyBorder="1" applyAlignment="1">
      <alignment horizontal="center"/>
    </xf>
    <xf numFmtId="176" fontId="4" fillId="0" borderId="9" xfId="0" applyNumberFormat="1" applyFont="1" applyFill="1" applyBorder="1" applyAlignment="1">
      <alignment horizontal="center"/>
    </xf>
    <xf numFmtId="176" fontId="4" fillId="0" borderId="5" xfId="0" applyNumberFormat="1" applyFont="1" applyFill="1" applyBorder="1" applyAlignment="1">
      <alignment horizontal="center" vertical="center"/>
    </xf>
    <xf numFmtId="176" fontId="4" fillId="0" borderId="2" xfId="0" applyNumberFormat="1" applyFont="1" applyFill="1" applyBorder="1" applyAlignment="1">
      <alignment horizontal="center" vertical="center"/>
    </xf>
    <xf numFmtId="176" fontId="4" fillId="0" borderId="11" xfId="0" applyNumberFormat="1" applyFont="1" applyFill="1" applyBorder="1" applyAlignment="1">
      <alignment horizontal="center" vertical="center"/>
    </xf>
    <xf numFmtId="176" fontId="4" fillId="0" borderId="8" xfId="0" applyNumberFormat="1" applyFont="1" applyFill="1" applyBorder="1" applyAlignment="1">
      <alignment horizontal="center" vertical="center"/>
    </xf>
    <xf numFmtId="176" fontId="4" fillId="0" borderId="3" xfId="0" applyNumberFormat="1" applyFont="1" applyFill="1" applyBorder="1" applyAlignment="1">
      <alignment horizontal="center" vertical="center"/>
    </xf>
    <xf numFmtId="176" fontId="4" fillId="0" borderId="9" xfId="0" applyNumberFormat="1" applyFont="1" applyFill="1" applyBorder="1" applyAlignment="1">
      <alignment horizontal="center" vertical="center"/>
    </xf>
    <xf numFmtId="176" fontId="5" fillId="0" borderId="5" xfId="0" applyNumberFormat="1" applyFont="1" applyFill="1" applyBorder="1" applyAlignment="1">
      <alignment vertical="center" wrapText="1"/>
    </xf>
    <xf numFmtId="176" fontId="5" fillId="0" borderId="2" xfId="0" applyNumberFormat="1" applyFont="1" applyFill="1" applyBorder="1" applyAlignment="1">
      <alignment vertical="center"/>
    </xf>
    <xf numFmtId="176" fontId="5" fillId="0" borderId="11" xfId="0" applyNumberFormat="1" applyFont="1" applyFill="1" applyBorder="1" applyAlignment="1">
      <alignment vertical="center"/>
    </xf>
    <xf numFmtId="176" fontId="5" fillId="0" borderId="8" xfId="0" applyNumberFormat="1" applyFont="1" applyFill="1" applyBorder="1" applyAlignment="1">
      <alignment vertical="center"/>
    </xf>
    <xf numFmtId="176" fontId="5" fillId="0" borderId="3" xfId="0" applyNumberFormat="1" applyFont="1" applyFill="1" applyBorder="1" applyAlignment="1">
      <alignment vertical="center"/>
    </xf>
    <xf numFmtId="176" fontId="5" fillId="0" borderId="9" xfId="0" applyNumberFormat="1" applyFont="1" applyFill="1" applyBorder="1" applyAlignment="1">
      <alignment vertical="center"/>
    </xf>
    <xf numFmtId="176" fontId="4" fillId="0" borderId="5" xfId="0" applyNumberFormat="1" applyFont="1" applyFill="1" applyBorder="1" applyAlignment="1">
      <alignment horizontal="right" vertical="center"/>
    </xf>
    <xf numFmtId="176" fontId="4" fillId="0" borderId="2" xfId="0" applyNumberFormat="1" applyFont="1" applyFill="1" applyBorder="1" applyAlignment="1">
      <alignment horizontal="right" vertical="center"/>
    </xf>
    <xf numFmtId="176" fontId="4" fillId="0" borderId="11" xfId="0" applyNumberFormat="1" applyFont="1" applyFill="1" applyBorder="1" applyAlignment="1">
      <alignment horizontal="right" vertical="center"/>
    </xf>
    <xf numFmtId="176" fontId="4" fillId="0" borderId="8" xfId="0" applyNumberFormat="1" applyFont="1" applyFill="1" applyBorder="1" applyAlignment="1">
      <alignment horizontal="right" vertical="center"/>
    </xf>
    <xf numFmtId="176" fontId="4" fillId="0" borderId="3" xfId="0" applyNumberFormat="1" applyFont="1" applyFill="1" applyBorder="1" applyAlignment="1">
      <alignment horizontal="right" vertical="center"/>
    </xf>
    <xf numFmtId="176" fontId="4" fillId="0" borderId="9" xfId="0" applyNumberFormat="1" applyFont="1" applyFill="1" applyBorder="1" applyAlignment="1">
      <alignment horizontal="right" vertical="center"/>
    </xf>
    <xf numFmtId="176" fontId="4" fillId="0" borderId="88" xfId="0" applyNumberFormat="1" applyFont="1" applyFill="1" applyBorder="1" applyAlignment="1">
      <alignment horizontal="center" vertical="center"/>
    </xf>
    <xf numFmtId="176" fontId="4" fillId="0" borderId="87" xfId="0" applyNumberFormat="1" applyFont="1" applyFill="1" applyBorder="1" applyAlignment="1">
      <alignment horizontal="center" vertical="center"/>
    </xf>
    <xf numFmtId="176" fontId="4" fillId="0" borderId="86" xfId="0" applyNumberFormat="1" applyFont="1" applyFill="1" applyBorder="1" applyAlignment="1">
      <alignment horizontal="center" vertical="center"/>
    </xf>
    <xf numFmtId="176" fontId="4" fillId="0" borderId="79" xfId="0" applyNumberFormat="1" applyFont="1" applyFill="1" applyBorder="1" applyAlignment="1">
      <alignment horizontal="center" vertical="center"/>
    </xf>
    <xf numFmtId="176" fontId="4" fillId="0" borderId="12" xfId="0" applyNumberFormat="1" applyFont="1" applyFill="1" applyBorder="1" applyAlignment="1">
      <alignment horizontal="center" vertical="center"/>
    </xf>
    <xf numFmtId="176" fontId="4" fillId="0" borderId="13" xfId="0" applyNumberFormat="1" applyFont="1" applyFill="1" applyBorder="1" applyAlignment="1">
      <alignment horizontal="center" vertical="center"/>
    </xf>
    <xf numFmtId="176" fontId="3" fillId="0" borderId="7" xfId="0" applyNumberFormat="1" applyFont="1" applyFill="1" applyBorder="1" applyAlignment="1">
      <alignment horizontal="left" vertical="center" wrapText="1"/>
    </xf>
    <xf numFmtId="176" fontId="4" fillId="0" borderId="8" xfId="0" applyNumberFormat="1" applyFont="1" applyFill="1" applyBorder="1" applyAlignment="1">
      <alignment horizontal="center" vertical="center" wrapText="1"/>
    </xf>
    <xf numFmtId="176" fontId="4" fillId="0" borderId="9" xfId="0" applyNumberFormat="1" applyFont="1" applyFill="1" applyBorder="1" applyAlignment="1">
      <alignment horizontal="center" vertical="center" wrapText="1"/>
    </xf>
    <xf numFmtId="176" fontId="4" fillId="0" borderId="5" xfId="0" applyNumberFormat="1" applyFont="1" applyFill="1" applyBorder="1" applyAlignment="1">
      <alignment horizontal="center" vertical="center" textRotation="255"/>
    </xf>
    <xf numFmtId="176" fontId="4" fillId="0" borderId="2" xfId="0" applyNumberFormat="1" applyFont="1" applyFill="1" applyBorder="1" applyAlignment="1">
      <alignment horizontal="center" vertical="center" textRotation="255"/>
    </xf>
    <xf numFmtId="176" fontId="4" fillId="0" borderId="11" xfId="0" applyNumberFormat="1" applyFont="1" applyFill="1" applyBorder="1" applyAlignment="1">
      <alignment horizontal="center" vertical="center" textRotation="255"/>
    </xf>
    <xf numFmtId="176" fontId="4" fillId="0" borderId="8" xfId="0" applyNumberFormat="1" applyFont="1" applyFill="1" applyBorder="1" applyAlignment="1">
      <alignment horizontal="center" vertical="center" textRotation="255"/>
    </xf>
    <xf numFmtId="176" fontId="4" fillId="0" borderId="3" xfId="0" applyNumberFormat="1" applyFont="1" applyFill="1" applyBorder="1" applyAlignment="1">
      <alignment horizontal="center" vertical="center" textRotation="255"/>
    </xf>
    <xf numFmtId="176" fontId="4" fillId="0" borderId="9" xfId="0" applyNumberFormat="1" applyFont="1" applyFill="1" applyBorder="1" applyAlignment="1">
      <alignment horizontal="center" vertical="center" textRotation="255"/>
    </xf>
    <xf numFmtId="176" fontId="4" fillId="0" borderId="2" xfId="0" applyNumberFormat="1" applyFont="1" applyFill="1" applyBorder="1" applyAlignment="1">
      <alignment vertical="center"/>
    </xf>
    <xf numFmtId="176" fontId="4" fillId="0" borderId="11" xfId="0" applyNumberFormat="1" applyFont="1" applyFill="1" applyBorder="1" applyAlignment="1">
      <alignment vertical="center"/>
    </xf>
    <xf numFmtId="176" fontId="4" fillId="0" borderId="8" xfId="0" applyNumberFormat="1" applyFont="1" applyFill="1" applyBorder="1" applyAlignment="1">
      <alignment vertical="center"/>
    </xf>
    <xf numFmtId="176" fontId="4" fillId="0" borderId="3" xfId="0" applyNumberFormat="1" applyFont="1" applyFill="1" applyBorder="1" applyAlignment="1">
      <alignment vertical="center"/>
    </xf>
    <xf numFmtId="176" fontId="4" fillId="0" borderId="9" xfId="0" applyNumberFormat="1" applyFont="1" applyFill="1" applyBorder="1" applyAlignment="1">
      <alignment vertical="center"/>
    </xf>
    <xf numFmtId="176" fontId="4" fillId="0" borderId="4" xfId="0" applyNumberFormat="1" applyFont="1" applyFill="1" applyBorder="1" applyAlignment="1">
      <alignment vertical="center" wrapText="1"/>
    </xf>
    <xf numFmtId="0" fontId="0" fillId="0" borderId="8" xfId="0" applyFont="1" applyBorder="1" applyAlignment="1">
      <alignment vertical="center"/>
    </xf>
    <xf numFmtId="0" fontId="12" fillId="0" borderId="2" xfId="0" applyFont="1" applyBorder="1" applyAlignment="1">
      <alignment vertical="center"/>
    </xf>
    <xf numFmtId="0" fontId="12" fillId="0" borderId="0" xfId="0" applyFont="1" applyBorder="1" applyAlignment="1">
      <alignment vertical="center"/>
    </xf>
    <xf numFmtId="0" fontId="12" fillId="0" borderId="3" xfId="0" applyFont="1" applyBorder="1" applyAlignment="1">
      <alignment vertical="center"/>
    </xf>
    <xf numFmtId="0" fontId="0" fillId="0" borderId="2" xfId="0" applyFont="1" applyBorder="1" applyAlignment="1">
      <alignment horizontal="left" vertical="center" wrapText="1"/>
    </xf>
    <xf numFmtId="0" fontId="0" fillId="0" borderId="11" xfId="0" applyFont="1" applyBorder="1" applyAlignment="1">
      <alignment horizontal="left" vertical="center" wrapText="1"/>
    </xf>
    <xf numFmtId="0" fontId="0" fillId="0" borderId="0" xfId="0" applyFont="1" applyBorder="1" applyAlignment="1">
      <alignment horizontal="left" vertical="center" wrapText="1"/>
    </xf>
    <xf numFmtId="0" fontId="0" fillId="0" borderId="6" xfId="0" applyFont="1" applyBorder="1" applyAlignment="1">
      <alignment horizontal="left" vertical="center" wrapText="1"/>
    </xf>
    <xf numFmtId="0" fontId="0" fillId="0" borderId="3" xfId="0" applyFont="1" applyBorder="1" applyAlignment="1">
      <alignment horizontal="left" vertical="center" wrapText="1"/>
    </xf>
    <xf numFmtId="0" fontId="0" fillId="0" borderId="9" xfId="0" applyFont="1" applyBorder="1" applyAlignment="1">
      <alignment horizontal="left" vertical="center" wrapText="1"/>
    </xf>
    <xf numFmtId="0" fontId="0" fillId="0" borderId="3" xfId="0" applyFont="1" applyBorder="1" applyAlignment="1">
      <alignment vertical="center"/>
    </xf>
    <xf numFmtId="176" fontId="7" fillId="0" borderId="0" xfId="0" applyNumberFormat="1" applyFont="1" applyFill="1" applyBorder="1" applyAlignment="1">
      <alignment horizontal="center" vertical="center"/>
    </xf>
    <xf numFmtId="176" fontId="3" fillId="0" borderId="0" xfId="0" applyNumberFormat="1" applyFont="1" applyFill="1" applyBorder="1" applyAlignment="1">
      <alignment vertical="center" wrapText="1"/>
    </xf>
    <xf numFmtId="176" fontId="3" fillId="0" borderId="0" xfId="0" applyNumberFormat="1" applyFont="1" applyFill="1" applyBorder="1" applyAlignment="1">
      <alignment horizontal="center" vertical="top"/>
    </xf>
    <xf numFmtId="176" fontId="2" fillId="0" borderId="3" xfId="0" applyNumberFormat="1" applyFont="1" applyFill="1" applyBorder="1" applyAlignment="1">
      <alignment horizontal="right" vertical="center"/>
    </xf>
    <xf numFmtId="176" fontId="2" fillId="0" borderId="2" xfId="0" applyNumberFormat="1" applyFont="1" applyFill="1" applyBorder="1" applyAlignment="1">
      <alignment horizontal="right" vertical="center"/>
    </xf>
    <xf numFmtId="176" fontId="2" fillId="0" borderId="83" xfId="0" applyNumberFormat="1" applyFont="1" applyFill="1" applyBorder="1" applyAlignment="1">
      <alignment horizontal="right" vertical="center"/>
    </xf>
    <xf numFmtId="176" fontId="2" fillId="0" borderId="11" xfId="0" applyNumberFormat="1" applyFont="1" applyFill="1" applyBorder="1" applyAlignment="1">
      <alignment horizontal="right" vertical="center"/>
    </xf>
    <xf numFmtId="176" fontId="3" fillId="0" borderId="16" xfId="0" applyNumberFormat="1" applyFont="1" applyFill="1" applyBorder="1" applyAlignment="1">
      <alignment horizontal="center" vertical="center"/>
    </xf>
    <xf numFmtId="176" fontId="2" fillId="0" borderId="80" xfId="0" applyNumberFormat="1" applyFont="1" applyFill="1" applyBorder="1" applyAlignment="1">
      <alignment horizontal="center" vertical="center"/>
    </xf>
    <xf numFmtId="176" fontId="2" fillId="0" borderId="1" xfId="0" applyNumberFormat="1" applyFont="1" applyFill="1" applyBorder="1" applyAlignment="1">
      <alignment horizontal="right" vertical="center"/>
    </xf>
    <xf numFmtId="176" fontId="2" fillId="0" borderId="81" xfId="0" applyNumberFormat="1" applyFont="1" applyFill="1" applyBorder="1" applyAlignment="1">
      <alignment horizontal="right" vertical="center"/>
    </xf>
    <xf numFmtId="176" fontId="2" fillId="0" borderId="39" xfId="0" applyNumberFormat="1" applyFont="1" applyFill="1" applyBorder="1" applyAlignment="1">
      <alignment horizontal="center" vertical="center" wrapText="1"/>
    </xf>
    <xf numFmtId="176" fontId="2" fillId="0" borderId="22" xfId="0" applyNumberFormat="1" applyFont="1" applyFill="1" applyBorder="1" applyAlignment="1">
      <alignment horizontal="center" vertical="center" wrapText="1"/>
    </xf>
    <xf numFmtId="176" fontId="2" fillId="0" borderId="23" xfId="0" applyNumberFormat="1" applyFont="1" applyFill="1" applyBorder="1" applyAlignment="1">
      <alignment horizontal="center" vertical="center" wrapText="1"/>
    </xf>
    <xf numFmtId="176" fontId="2" fillId="0" borderId="35" xfId="0" applyNumberFormat="1" applyFont="1" applyFill="1" applyBorder="1" applyAlignment="1">
      <alignment horizontal="center" vertical="center" wrapText="1"/>
    </xf>
    <xf numFmtId="176" fontId="2" fillId="0" borderId="25" xfId="0" applyNumberFormat="1" applyFont="1" applyFill="1" applyBorder="1" applyAlignment="1">
      <alignment horizontal="center" vertical="center" wrapText="1"/>
    </xf>
    <xf numFmtId="176" fontId="2" fillId="0" borderId="26" xfId="0" applyNumberFormat="1" applyFont="1" applyFill="1" applyBorder="1" applyAlignment="1">
      <alignment horizontal="center" vertical="center" wrapText="1"/>
    </xf>
    <xf numFmtId="0" fontId="0" fillId="0" borderId="0" xfId="0" applyFont="1" applyAlignment="1">
      <alignment horizontal="left" vertical="center" wrapText="1"/>
    </xf>
  </cellXfs>
  <cellStyles count="1">
    <cellStyle name="標準" xfId="0" builtinId="0"/>
  </cellStyles>
  <dxfs count="0"/>
  <tableStyles count="0" defaultTableStyle="TableStyleMedium9" defaultPivotStyle="PivotStyleLight16"/>
  <colors>
    <mruColors>
      <color rgb="FF0033CC"/>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324</xdr:row>
      <xdr:rowOff>0</xdr:rowOff>
    </xdr:from>
    <xdr:to>
      <xdr:col>0</xdr:col>
      <xdr:colOff>0</xdr:colOff>
      <xdr:row>324</xdr:row>
      <xdr:rowOff>47625</xdr:rowOff>
    </xdr:to>
    <xdr:sp macro="" textlink="">
      <xdr:nvSpPr>
        <xdr:cNvPr id="2" name="Text Box 9"/>
        <xdr:cNvSpPr txBox="1">
          <a:spLocks noChangeArrowheads="1"/>
        </xdr:cNvSpPr>
      </xdr:nvSpPr>
      <xdr:spPr bwMode="auto">
        <a:xfrm>
          <a:off x="0" y="83179920"/>
          <a:ext cx="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308</xdr:row>
      <xdr:rowOff>0</xdr:rowOff>
    </xdr:from>
    <xdr:to>
      <xdr:col>30</xdr:col>
      <xdr:colOff>85725</xdr:colOff>
      <xdr:row>308</xdr:row>
      <xdr:rowOff>47625</xdr:rowOff>
    </xdr:to>
    <xdr:sp macro="" textlink="">
      <xdr:nvSpPr>
        <xdr:cNvPr id="3" name="Text Box 80"/>
        <xdr:cNvSpPr txBox="1">
          <a:spLocks noChangeArrowheads="1"/>
        </xdr:cNvSpPr>
      </xdr:nvSpPr>
      <xdr:spPr bwMode="auto">
        <a:xfrm>
          <a:off x="3471862" y="762762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114300</xdr:colOff>
      <xdr:row>324</xdr:row>
      <xdr:rowOff>0</xdr:rowOff>
    </xdr:from>
    <xdr:to>
      <xdr:col>30</xdr:col>
      <xdr:colOff>38101</xdr:colOff>
      <xdr:row>324</xdr:row>
      <xdr:rowOff>47625</xdr:rowOff>
    </xdr:to>
    <xdr:sp macro="" textlink="">
      <xdr:nvSpPr>
        <xdr:cNvPr id="4" name="Text Box 117"/>
        <xdr:cNvSpPr txBox="1">
          <a:spLocks noChangeArrowheads="1"/>
        </xdr:cNvSpPr>
      </xdr:nvSpPr>
      <xdr:spPr bwMode="auto">
        <a:xfrm>
          <a:off x="3429000" y="83179920"/>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324</xdr:row>
      <xdr:rowOff>0</xdr:rowOff>
    </xdr:from>
    <xdr:to>
      <xdr:col>29</xdr:col>
      <xdr:colOff>28574</xdr:colOff>
      <xdr:row>324</xdr:row>
      <xdr:rowOff>47625</xdr:rowOff>
    </xdr:to>
    <xdr:sp macro="" textlink="">
      <xdr:nvSpPr>
        <xdr:cNvPr id="5" name="Text Box 118"/>
        <xdr:cNvSpPr txBox="1">
          <a:spLocks noChangeArrowheads="1"/>
        </xdr:cNvSpPr>
      </xdr:nvSpPr>
      <xdr:spPr bwMode="auto">
        <a:xfrm>
          <a:off x="3314700" y="83179920"/>
          <a:ext cx="28574"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90488</xdr:colOff>
      <xdr:row>308</xdr:row>
      <xdr:rowOff>0</xdr:rowOff>
    </xdr:from>
    <xdr:to>
      <xdr:col>26</xdr:col>
      <xdr:colOff>14288</xdr:colOff>
      <xdr:row>308</xdr:row>
      <xdr:rowOff>28575</xdr:rowOff>
    </xdr:to>
    <xdr:sp macro="" textlink="">
      <xdr:nvSpPr>
        <xdr:cNvPr id="6" name="Text Box 23"/>
        <xdr:cNvSpPr txBox="1">
          <a:spLocks noChangeArrowheads="1"/>
        </xdr:cNvSpPr>
      </xdr:nvSpPr>
      <xdr:spPr bwMode="auto">
        <a:xfrm>
          <a:off x="2947988" y="76276200"/>
          <a:ext cx="3810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114300</xdr:colOff>
      <xdr:row>324</xdr:row>
      <xdr:rowOff>0</xdr:rowOff>
    </xdr:from>
    <xdr:to>
      <xdr:col>26</xdr:col>
      <xdr:colOff>38101</xdr:colOff>
      <xdr:row>324</xdr:row>
      <xdr:rowOff>38100</xdr:rowOff>
    </xdr:to>
    <xdr:sp macro="" textlink="">
      <xdr:nvSpPr>
        <xdr:cNvPr id="7" name="Text Box 22"/>
        <xdr:cNvSpPr txBox="1">
          <a:spLocks noChangeArrowheads="1"/>
        </xdr:cNvSpPr>
      </xdr:nvSpPr>
      <xdr:spPr bwMode="auto">
        <a:xfrm>
          <a:off x="2971800" y="83179920"/>
          <a:ext cx="38101"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26</xdr:row>
      <xdr:rowOff>0</xdr:rowOff>
    </xdr:from>
    <xdr:to>
      <xdr:col>37</xdr:col>
      <xdr:colOff>104774</xdr:colOff>
      <xdr:row>26</xdr:row>
      <xdr:rowOff>19050</xdr:rowOff>
    </xdr:to>
    <xdr:sp macro="" textlink="">
      <xdr:nvSpPr>
        <xdr:cNvPr id="8" name="Text Box 80"/>
        <xdr:cNvSpPr txBox="1">
          <a:spLocks noChangeArrowheads="1"/>
        </xdr:cNvSpPr>
      </xdr:nvSpPr>
      <xdr:spPr bwMode="auto">
        <a:xfrm>
          <a:off x="4229100" y="8191500"/>
          <a:ext cx="104774"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324</xdr:row>
      <xdr:rowOff>0</xdr:rowOff>
    </xdr:from>
    <xdr:to>
      <xdr:col>29</xdr:col>
      <xdr:colOff>38099</xdr:colOff>
      <xdr:row>324</xdr:row>
      <xdr:rowOff>28575</xdr:rowOff>
    </xdr:to>
    <xdr:sp macro="" textlink="">
      <xdr:nvSpPr>
        <xdr:cNvPr id="9" name="Text Box 23"/>
        <xdr:cNvSpPr txBox="1">
          <a:spLocks noChangeArrowheads="1"/>
        </xdr:cNvSpPr>
      </xdr:nvSpPr>
      <xdr:spPr bwMode="auto">
        <a:xfrm>
          <a:off x="3314700" y="83179920"/>
          <a:ext cx="38099"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5</xdr:col>
      <xdr:colOff>0</xdr:colOff>
      <xdr:row>324</xdr:row>
      <xdr:rowOff>0</xdr:rowOff>
    </xdr:from>
    <xdr:to>
      <xdr:col>15</xdr:col>
      <xdr:colOff>57150</xdr:colOff>
      <xdr:row>324</xdr:row>
      <xdr:rowOff>38100</xdr:rowOff>
    </xdr:to>
    <xdr:sp macro="" textlink="">
      <xdr:nvSpPr>
        <xdr:cNvPr id="10" name="Text Box 22"/>
        <xdr:cNvSpPr txBox="1">
          <a:spLocks noChangeArrowheads="1"/>
        </xdr:cNvSpPr>
      </xdr:nvSpPr>
      <xdr:spPr bwMode="auto">
        <a:xfrm>
          <a:off x="1714500" y="83179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324</xdr:row>
      <xdr:rowOff>0</xdr:rowOff>
    </xdr:from>
    <xdr:to>
      <xdr:col>23</xdr:col>
      <xdr:colOff>19050</xdr:colOff>
      <xdr:row>324</xdr:row>
      <xdr:rowOff>38100</xdr:rowOff>
    </xdr:to>
    <xdr:sp macro="" textlink="">
      <xdr:nvSpPr>
        <xdr:cNvPr id="11" name="Text Box 22"/>
        <xdr:cNvSpPr txBox="1">
          <a:spLocks noChangeArrowheads="1"/>
        </xdr:cNvSpPr>
      </xdr:nvSpPr>
      <xdr:spPr bwMode="auto">
        <a:xfrm>
          <a:off x="2628900" y="83179920"/>
          <a:ext cx="190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324</xdr:row>
      <xdr:rowOff>0</xdr:rowOff>
    </xdr:from>
    <xdr:to>
      <xdr:col>31</xdr:col>
      <xdr:colOff>57150</xdr:colOff>
      <xdr:row>324</xdr:row>
      <xdr:rowOff>38100</xdr:rowOff>
    </xdr:to>
    <xdr:sp macro="" textlink="">
      <xdr:nvSpPr>
        <xdr:cNvPr id="12" name="Text Box 22"/>
        <xdr:cNvSpPr txBox="1">
          <a:spLocks noChangeArrowheads="1"/>
        </xdr:cNvSpPr>
      </xdr:nvSpPr>
      <xdr:spPr bwMode="auto">
        <a:xfrm>
          <a:off x="3543300" y="83179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9</xdr:col>
      <xdr:colOff>0</xdr:colOff>
      <xdr:row>324</xdr:row>
      <xdr:rowOff>0</xdr:rowOff>
    </xdr:from>
    <xdr:to>
      <xdr:col>39</xdr:col>
      <xdr:colOff>57150</xdr:colOff>
      <xdr:row>324</xdr:row>
      <xdr:rowOff>38100</xdr:rowOff>
    </xdr:to>
    <xdr:sp macro="" textlink="">
      <xdr:nvSpPr>
        <xdr:cNvPr id="13" name="Text Box 22"/>
        <xdr:cNvSpPr txBox="1">
          <a:spLocks noChangeArrowheads="1"/>
        </xdr:cNvSpPr>
      </xdr:nvSpPr>
      <xdr:spPr bwMode="auto">
        <a:xfrm>
          <a:off x="4457700" y="83179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7</xdr:col>
      <xdr:colOff>0</xdr:colOff>
      <xdr:row>324</xdr:row>
      <xdr:rowOff>0</xdr:rowOff>
    </xdr:from>
    <xdr:to>
      <xdr:col>47</xdr:col>
      <xdr:colOff>57150</xdr:colOff>
      <xdr:row>324</xdr:row>
      <xdr:rowOff>38100</xdr:rowOff>
    </xdr:to>
    <xdr:sp macro="" textlink="">
      <xdr:nvSpPr>
        <xdr:cNvPr id="14" name="Text Box 22"/>
        <xdr:cNvSpPr txBox="1">
          <a:spLocks noChangeArrowheads="1"/>
        </xdr:cNvSpPr>
      </xdr:nvSpPr>
      <xdr:spPr bwMode="auto">
        <a:xfrm>
          <a:off x="5372100" y="83179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5</xdr:col>
      <xdr:colOff>0</xdr:colOff>
      <xdr:row>324</xdr:row>
      <xdr:rowOff>0</xdr:rowOff>
    </xdr:from>
    <xdr:to>
      <xdr:col>55</xdr:col>
      <xdr:colOff>57150</xdr:colOff>
      <xdr:row>324</xdr:row>
      <xdr:rowOff>38100</xdr:rowOff>
    </xdr:to>
    <xdr:sp macro="" textlink="">
      <xdr:nvSpPr>
        <xdr:cNvPr id="15" name="Text Box 22"/>
        <xdr:cNvSpPr txBox="1">
          <a:spLocks noChangeArrowheads="1"/>
        </xdr:cNvSpPr>
      </xdr:nvSpPr>
      <xdr:spPr bwMode="auto">
        <a:xfrm>
          <a:off x="6286500" y="83179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324</xdr:row>
      <xdr:rowOff>0</xdr:rowOff>
    </xdr:from>
    <xdr:to>
      <xdr:col>9</xdr:col>
      <xdr:colOff>57150</xdr:colOff>
      <xdr:row>324</xdr:row>
      <xdr:rowOff>28575</xdr:rowOff>
    </xdr:to>
    <xdr:sp macro="" textlink="">
      <xdr:nvSpPr>
        <xdr:cNvPr id="16" name="Text Box 22"/>
        <xdr:cNvSpPr txBox="1">
          <a:spLocks noChangeArrowheads="1"/>
        </xdr:cNvSpPr>
      </xdr:nvSpPr>
      <xdr:spPr bwMode="auto">
        <a:xfrm>
          <a:off x="1028700" y="8317992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7</xdr:col>
      <xdr:colOff>0</xdr:colOff>
      <xdr:row>324</xdr:row>
      <xdr:rowOff>0</xdr:rowOff>
    </xdr:from>
    <xdr:to>
      <xdr:col>17</xdr:col>
      <xdr:colOff>57150</xdr:colOff>
      <xdr:row>324</xdr:row>
      <xdr:rowOff>28575</xdr:rowOff>
    </xdr:to>
    <xdr:sp macro="" textlink="">
      <xdr:nvSpPr>
        <xdr:cNvPr id="17" name="Text Box 22"/>
        <xdr:cNvSpPr txBox="1">
          <a:spLocks noChangeArrowheads="1"/>
        </xdr:cNvSpPr>
      </xdr:nvSpPr>
      <xdr:spPr bwMode="auto">
        <a:xfrm>
          <a:off x="1943100" y="8317992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324</xdr:row>
      <xdr:rowOff>0</xdr:rowOff>
    </xdr:from>
    <xdr:to>
      <xdr:col>23</xdr:col>
      <xdr:colOff>57150</xdr:colOff>
      <xdr:row>324</xdr:row>
      <xdr:rowOff>28575</xdr:rowOff>
    </xdr:to>
    <xdr:sp macro="" textlink="">
      <xdr:nvSpPr>
        <xdr:cNvPr id="18" name="Text Box 22"/>
        <xdr:cNvSpPr txBox="1">
          <a:spLocks noChangeArrowheads="1"/>
        </xdr:cNvSpPr>
      </xdr:nvSpPr>
      <xdr:spPr bwMode="auto">
        <a:xfrm>
          <a:off x="2628900" y="8317992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0</xdr:colOff>
      <xdr:row>324</xdr:row>
      <xdr:rowOff>0</xdr:rowOff>
    </xdr:from>
    <xdr:to>
      <xdr:col>29</xdr:col>
      <xdr:colOff>57150</xdr:colOff>
      <xdr:row>324</xdr:row>
      <xdr:rowOff>28575</xdr:rowOff>
    </xdr:to>
    <xdr:sp macro="" textlink="">
      <xdr:nvSpPr>
        <xdr:cNvPr id="19" name="Text Box 22"/>
        <xdr:cNvSpPr txBox="1">
          <a:spLocks noChangeArrowheads="1"/>
        </xdr:cNvSpPr>
      </xdr:nvSpPr>
      <xdr:spPr bwMode="auto">
        <a:xfrm>
          <a:off x="3314700" y="8317992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5</xdr:col>
      <xdr:colOff>0</xdr:colOff>
      <xdr:row>324</xdr:row>
      <xdr:rowOff>0</xdr:rowOff>
    </xdr:from>
    <xdr:to>
      <xdr:col>35</xdr:col>
      <xdr:colOff>57150</xdr:colOff>
      <xdr:row>324</xdr:row>
      <xdr:rowOff>28575</xdr:rowOff>
    </xdr:to>
    <xdr:sp macro="" textlink="">
      <xdr:nvSpPr>
        <xdr:cNvPr id="20" name="Text Box 22"/>
        <xdr:cNvSpPr txBox="1">
          <a:spLocks noChangeArrowheads="1"/>
        </xdr:cNvSpPr>
      </xdr:nvSpPr>
      <xdr:spPr bwMode="auto">
        <a:xfrm>
          <a:off x="4000500" y="8317992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0</xdr:colOff>
      <xdr:row>324</xdr:row>
      <xdr:rowOff>0</xdr:rowOff>
    </xdr:from>
    <xdr:to>
      <xdr:col>41</xdr:col>
      <xdr:colOff>57150</xdr:colOff>
      <xdr:row>324</xdr:row>
      <xdr:rowOff>28575</xdr:rowOff>
    </xdr:to>
    <xdr:sp macro="" textlink="">
      <xdr:nvSpPr>
        <xdr:cNvPr id="21" name="Text Box 22"/>
        <xdr:cNvSpPr txBox="1">
          <a:spLocks noChangeArrowheads="1"/>
        </xdr:cNvSpPr>
      </xdr:nvSpPr>
      <xdr:spPr bwMode="auto">
        <a:xfrm>
          <a:off x="4686300" y="8317992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114300</xdr:colOff>
      <xdr:row>3</xdr:row>
      <xdr:rowOff>0</xdr:rowOff>
    </xdr:from>
    <xdr:to>
      <xdr:col>42</xdr:col>
      <xdr:colOff>57150</xdr:colOff>
      <xdr:row>3</xdr:row>
      <xdr:rowOff>38100</xdr:rowOff>
    </xdr:to>
    <xdr:sp macro="" textlink="">
      <xdr:nvSpPr>
        <xdr:cNvPr id="22" name="Text Box 80"/>
        <xdr:cNvSpPr txBox="1">
          <a:spLocks noChangeArrowheads="1"/>
        </xdr:cNvSpPr>
      </xdr:nvSpPr>
      <xdr:spPr bwMode="auto">
        <a:xfrm>
          <a:off x="4800600" y="6019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8</xdr:col>
      <xdr:colOff>114300</xdr:colOff>
      <xdr:row>3</xdr:row>
      <xdr:rowOff>0</xdr:rowOff>
    </xdr:from>
    <xdr:to>
      <xdr:col>39</xdr:col>
      <xdr:colOff>47624</xdr:colOff>
      <xdr:row>3</xdr:row>
      <xdr:rowOff>38100</xdr:rowOff>
    </xdr:to>
    <xdr:sp macro="" textlink="">
      <xdr:nvSpPr>
        <xdr:cNvPr id="23" name="Text Box 118"/>
        <xdr:cNvSpPr txBox="1">
          <a:spLocks noChangeArrowheads="1"/>
        </xdr:cNvSpPr>
      </xdr:nvSpPr>
      <xdr:spPr bwMode="auto">
        <a:xfrm>
          <a:off x="4457700" y="601980"/>
          <a:ext cx="47624"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324</xdr:row>
      <xdr:rowOff>0</xdr:rowOff>
    </xdr:from>
    <xdr:to>
      <xdr:col>9</xdr:col>
      <xdr:colOff>57150</xdr:colOff>
      <xdr:row>324</xdr:row>
      <xdr:rowOff>28575</xdr:rowOff>
    </xdr:to>
    <xdr:sp macro="" textlink="">
      <xdr:nvSpPr>
        <xdr:cNvPr id="24" name="Text Box 22"/>
        <xdr:cNvSpPr txBox="1">
          <a:spLocks noChangeArrowheads="1"/>
        </xdr:cNvSpPr>
      </xdr:nvSpPr>
      <xdr:spPr bwMode="auto">
        <a:xfrm>
          <a:off x="1028700" y="8317992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114300</xdr:colOff>
      <xdr:row>108</xdr:row>
      <xdr:rowOff>0</xdr:rowOff>
    </xdr:from>
    <xdr:to>
      <xdr:col>32</xdr:col>
      <xdr:colOff>38101</xdr:colOff>
      <xdr:row>108</xdr:row>
      <xdr:rowOff>47625</xdr:rowOff>
    </xdr:to>
    <xdr:sp macro="" textlink="">
      <xdr:nvSpPr>
        <xdr:cNvPr id="73" name="Text Box 80"/>
        <xdr:cNvSpPr txBox="1">
          <a:spLocks noChangeArrowheads="1"/>
        </xdr:cNvSpPr>
      </xdr:nvSpPr>
      <xdr:spPr bwMode="auto">
        <a:xfrm>
          <a:off x="3657600" y="29321760"/>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08</xdr:row>
      <xdr:rowOff>0</xdr:rowOff>
    </xdr:from>
    <xdr:to>
      <xdr:col>31</xdr:col>
      <xdr:colOff>38100</xdr:colOff>
      <xdr:row>108</xdr:row>
      <xdr:rowOff>47625</xdr:rowOff>
    </xdr:to>
    <xdr:sp macro="" textlink="">
      <xdr:nvSpPr>
        <xdr:cNvPr id="74" name="Text Box 117"/>
        <xdr:cNvSpPr txBox="1">
          <a:spLocks noChangeArrowheads="1"/>
        </xdr:cNvSpPr>
      </xdr:nvSpPr>
      <xdr:spPr bwMode="auto">
        <a:xfrm>
          <a:off x="3543300" y="2932176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08</xdr:row>
      <xdr:rowOff>0</xdr:rowOff>
    </xdr:from>
    <xdr:to>
      <xdr:col>30</xdr:col>
      <xdr:colOff>76199</xdr:colOff>
      <xdr:row>108</xdr:row>
      <xdr:rowOff>47625</xdr:rowOff>
    </xdr:to>
    <xdr:sp macro="" textlink="">
      <xdr:nvSpPr>
        <xdr:cNvPr id="75" name="Text Box 118"/>
        <xdr:cNvSpPr txBox="1">
          <a:spLocks noChangeArrowheads="1"/>
        </xdr:cNvSpPr>
      </xdr:nvSpPr>
      <xdr:spPr bwMode="auto">
        <a:xfrm>
          <a:off x="3471862" y="293217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08</xdr:row>
      <xdr:rowOff>0</xdr:rowOff>
    </xdr:from>
    <xdr:to>
      <xdr:col>29</xdr:col>
      <xdr:colOff>38100</xdr:colOff>
      <xdr:row>108</xdr:row>
      <xdr:rowOff>38100</xdr:rowOff>
    </xdr:to>
    <xdr:sp macro="" textlink="">
      <xdr:nvSpPr>
        <xdr:cNvPr id="76" name="Text Box 22"/>
        <xdr:cNvSpPr txBox="1">
          <a:spLocks noChangeArrowheads="1"/>
        </xdr:cNvSpPr>
      </xdr:nvSpPr>
      <xdr:spPr bwMode="auto">
        <a:xfrm>
          <a:off x="3314700" y="2932176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08</xdr:row>
      <xdr:rowOff>0</xdr:rowOff>
    </xdr:from>
    <xdr:to>
      <xdr:col>18</xdr:col>
      <xdr:colOff>57150</xdr:colOff>
      <xdr:row>108</xdr:row>
      <xdr:rowOff>38100</xdr:rowOff>
    </xdr:to>
    <xdr:sp macro="" textlink="">
      <xdr:nvSpPr>
        <xdr:cNvPr id="77" name="Text Box 22"/>
        <xdr:cNvSpPr txBox="1">
          <a:spLocks noChangeArrowheads="1"/>
        </xdr:cNvSpPr>
      </xdr:nvSpPr>
      <xdr:spPr bwMode="auto">
        <a:xfrm>
          <a:off x="20574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08</xdr:row>
      <xdr:rowOff>0</xdr:rowOff>
    </xdr:from>
    <xdr:to>
      <xdr:col>31</xdr:col>
      <xdr:colOff>57150</xdr:colOff>
      <xdr:row>108</xdr:row>
      <xdr:rowOff>38100</xdr:rowOff>
    </xdr:to>
    <xdr:sp macro="" textlink="">
      <xdr:nvSpPr>
        <xdr:cNvPr id="78" name="Text Box 22"/>
        <xdr:cNvSpPr txBox="1">
          <a:spLocks noChangeArrowheads="1"/>
        </xdr:cNvSpPr>
      </xdr:nvSpPr>
      <xdr:spPr bwMode="auto">
        <a:xfrm>
          <a:off x="35433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08</xdr:row>
      <xdr:rowOff>0</xdr:rowOff>
    </xdr:from>
    <xdr:to>
      <xdr:col>45</xdr:col>
      <xdr:colOff>57150</xdr:colOff>
      <xdr:row>108</xdr:row>
      <xdr:rowOff>38100</xdr:rowOff>
    </xdr:to>
    <xdr:sp macro="" textlink="">
      <xdr:nvSpPr>
        <xdr:cNvPr id="79" name="Text Box 22"/>
        <xdr:cNvSpPr txBox="1">
          <a:spLocks noChangeArrowheads="1"/>
        </xdr:cNvSpPr>
      </xdr:nvSpPr>
      <xdr:spPr bwMode="auto">
        <a:xfrm>
          <a:off x="51435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08</xdr:row>
      <xdr:rowOff>0</xdr:rowOff>
    </xdr:from>
    <xdr:to>
      <xdr:col>49</xdr:col>
      <xdr:colOff>57150</xdr:colOff>
      <xdr:row>108</xdr:row>
      <xdr:rowOff>38100</xdr:rowOff>
    </xdr:to>
    <xdr:sp macro="" textlink="">
      <xdr:nvSpPr>
        <xdr:cNvPr id="80" name="Text Box 22"/>
        <xdr:cNvSpPr txBox="1">
          <a:spLocks noChangeArrowheads="1"/>
        </xdr:cNvSpPr>
      </xdr:nvSpPr>
      <xdr:spPr bwMode="auto">
        <a:xfrm>
          <a:off x="56007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5</xdr:col>
      <xdr:colOff>0</xdr:colOff>
      <xdr:row>308</xdr:row>
      <xdr:rowOff>0</xdr:rowOff>
    </xdr:from>
    <xdr:ext cx="57150" cy="38100"/>
    <xdr:sp macro="" textlink="">
      <xdr:nvSpPr>
        <xdr:cNvPr id="81" name="Text Box 22"/>
        <xdr:cNvSpPr txBox="1">
          <a:spLocks noChangeArrowheads="1"/>
        </xdr:cNvSpPr>
      </xdr:nvSpPr>
      <xdr:spPr bwMode="auto">
        <a:xfrm>
          <a:off x="571500" y="762762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6</xdr:row>
      <xdr:rowOff>0</xdr:rowOff>
    </xdr:from>
    <xdr:ext cx="61912" cy="38100"/>
    <xdr:sp macro="" textlink="">
      <xdr:nvSpPr>
        <xdr:cNvPr id="82" name="Text Box 80"/>
        <xdr:cNvSpPr txBox="1">
          <a:spLocks noChangeArrowheads="1"/>
        </xdr:cNvSpPr>
      </xdr:nvSpPr>
      <xdr:spPr bwMode="auto">
        <a:xfrm>
          <a:off x="2514600" y="43815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83341</xdr:colOff>
      <xdr:row>33</xdr:row>
      <xdr:rowOff>238124</xdr:rowOff>
    </xdr:from>
    <xdr:to>
      <xdr:col>12</xdr:col>
      <xdr:colOff>71435</xdr:colOff>
      <xdr:row>35</xdr:row>
      <xdr:rowOff>11905</xdr:rowOff>
    </xdr:to>
    <xdr:sp macro="" textlink="">
      <xdr:nvSpPr>
        <xdr:cNvPr id="83" name="テキスト ボックス 82"/>
        <xdr:cNvSpPr txBox="1"/>
      </xdr:nvSpPr>
      <xdr:spPr>
        <a:xfrm>
          <a:off x="769141" y="10441304"/>
          <a:ext cx="673894" cy="2767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齢</a:t>
          </a:r>
        </a:p>
      </xdr:txBody>
    </xdr:sp>
    <xdr:clientData/>
  </xdr:twoCellAnchor>
  <xdr:twoCellAnchor>
    <xdr:from>
      <xdr:col>8</xdr:col>
      <xdr:colOff>19236</xdr:colOff>
      <xdr:row>33</xdr:row>
      <xdr:rowOff>5674</xdr:rowOff>
    </xdr:from>
    <xdr:to>
      <xdr:col>15</xdr:col>
      <xdr:colOff>43049</xdr:colOff>
      <xdr:row>34</xdr:row>
      <xdr:rowOff>7327</xdr:rowOff>
    </xdr:to>
    <xdr:sp macro="" textlink="">
      <xdr:nvSpPr>
        <xdr:cNvPr id="84" name="テキスト ボックス 83"/>
        <xdr:cNvSpPr txBox="1"/>
      </xdr:nvSpPr>
      <xdr:spPr>
        <a:xfrm>
          <a:off x="933636" y="10208854"/>
          <a:ext cx="823913" cy="25311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明朝" panose="02020609040205080304" pitchFamily="17" charset="-128"/>
              <a:ea typeface="ＭＳ 明朝" panose="02020609040205080304" pitchFamily="17" charset="-128"/>
            </a:rPr>
            <a:t>利用形態</a:t>
          </a:r>
        </a:p>
      </xdr:txBody>
    </xdr:sp>
    <xdr:clientData/>
  </xdr:twoCellAnchor>
  <xdr:twoCellAnchor>
    <xdr:from>
      <xdr:col>13</xdr:col>
      <xdr:colOff>23812</xdr:colOff>
      <xdr:row>62</xdr:row>
      <xdr:rowOff>11907</xdr:rowOff>
    </xdr:from>
    <xdr:to>
      <xdr:col>19</xdr:col>
      <xdr:colOff>11906</xdr:colOff>
      <xdr:row>62</xdr:row>
      <xdr:rowOff>285751</xdr:rowOff>
    </xdr:to>
    <xdr:sp macro="" textlink="">
      <xdr:nvSpPr>
        <xdr:cNvPr id="85" name="テキスト ボックス 84"/>
        <xdr:cNvSpPr txBox="1"/>
      </xdr:nvSpPr>
      <xdr:spPr>
        <a:xfrm>
          <a:off x="1509712" y="15907227"/>
          <a:ext cx="673894"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3</xdr:col>
      <xdr:colOff>59530</xdr:colOff>
      <xdr:row>62</xdr:row>
      <xdr:rowOff>392905</xdr:rowOff>
    </xdr:from>
    <xdr:to>
      <xdr:col>17</xdr:col>
      <xdr:colOff>71436</xdr:colOff>
      <xdr:row>62</xdr:row>
      <xdr:rowOff>654843</xdr:rowOff>
    </xdr:to>
    <xdr:sp macro="" textlink="">
      <xdr:nvSpPr>
        <xdr:cNvPr id="86" name="テキスト ボックス 85"/>
        <xdr:cNvSpPr txBox="1"/>
      </xdr:nvSpPr>
      <xdr:spPr>
        <a:xfrm>
          <a:off x="402430" y="16288225"/>
          <a:ext cx="1612106" cy="2619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在 園 時 間</a:t>
          </a:r>
        </a:p>
      </xdr:txBody>
    </xdr:sp>
    <xdr:clientData/>
  </xdr:twoCellAnchor>
  <xdr:oneCellAnchor>
    <xdr:from>
      <xdr:col>45</xdr:col>
      <xdr:colOff>114300</xdr:colOff>
      <xdr:row>61</xdr:row>
      <xdr:rowOff>0</xdr:rowOff>
    </xdr:from>
    <xdr:ext cx="61912" cy="38100"/>
    <xdr:sp macro="" textlink="">
      <xdr:nvSpPr>
        <xdr:cNvPr id="87" name="Text Box 80"/>
        <xdr:cNvSpPr txBox="1">
          <a:spLocks noChangeArrowheads="1"/>
        </xdr:cNvSpPr>
      </xdr:nvSpPr>
      <xdr:spPr bwMode="auto">
        <a:xfrm>
          <a:off x="5257800" y="155905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8</xdr:row>
      <xdr:rowOff>0</xdr:rowOff>
    </xdr:from>
    <xdr:ext cx="61912" cy="38100"/>
    <xdr:sp macro="" textlink="">
      <xdr:nvSpPr>
        <xdr:cNvPr id="88" name="Text Box 80"/>
        <xdr:cNvSpPr txBox="1">
          <a:spLocks noChangeArrowheads="1"/>
        </xdr:cNvSpPr>
      </xdr:nvSpPr>
      <xdr:spPr bwMode="auto">
        <a:xfrm>
          <a:off x="5372100" y="293217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8</xdr:row>
      <xdr:rowOff>0</xdr:rowOff>
    </xdr:from>
    <xdr:ext cx="42862" cy="28575"/>
    <xdr:sp macro="" textlink="">
      <xdr:nvSpPr>
        <xdr:cNvPr id="89" name="Text Box 23"/>
        <xdr:cNvSpPr txBox="1">
          <a:spLocks noChangeArrowheads="1"/>
        </xdr:cNvSpPr>
      </xdr:nvSpPr>
      <xdr:spPr bwMode="auto">
        <a:xfrm>
          <a:off x="5257800" y="293217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8</xdr:row>
      <xdr:rowOff>0</xdr:rowOff>
    </xdr:from>
    <xdr:ext cx="42863" cy="38100"/>
    <xdr:sp macro="" textlink="">
      <xdr:nvSpPr>
        <xdr:cNvPr id="90" name="Text Box 22"/>
        <xdr:cNvSpPr txBox="1">
          <a:spLocks noChangeArrowheads="1"/>
        </xdr:cNvSpPr>
      </xdr:nvSpPr>
      <xdr:spPr bwMode="auto">
        <a:xfrm>
          <a:off x="5257800" y="29321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8</xdr:row>
      <xdr:rowOff>0</xdr:rowOff>
    </xdr:from>
    <xdr:ext cx="42862" cy="28575"/>
    <xdr:sp macro="" textlink="">
      <xdr:nvSpPr>
        <xdr:cNvPr id="91" name="Text Box 23"/>
        <xdr:cNvSpPr txBox="1">
          <a:spLocks noChangeArrowheads="1"/>
        </xdr:cNvSpPr>
      </xdr:nvSpPr>
      <xdr:spPr bwMode="auto">
        <a:xfrm>
          <a:off x="5257800" y="293217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8</xdr:row>
      <xdr:rowOff>0</xdr:rowOff>
    </xdr:from>
    <xdr:ext cx="57150" cy="38100"/>
    <xdr:sp macro="" textlink="">
      <xdr:nvSpPr>
        <xdr:cNvPr id="92" name="Text Box 22"/>
        <xdr:cNvSpPr txBox="1">
          <a:spLocks noChangeArrowheads="1"/>
        </xdr:cNvSpPr>
      </xdr:nvSpPr>
      <xdr:spPr bwMode="auto">
        <a:xfrm>
          <a:off x="4229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8</xdr:row>
      <xdr:rowOff>0</xdr:rowOff>
    </xdr:from>
    <xdr:ext cx="57150" cy="38100"/>
    <xdr:sp macro="" textlink="">
      <xdr:nvSpPr>
        <xdr:cNvPr id="93" name="Text Box 22"/>
        <xdr:cNvSpPr txBox="1">
          <a:spLocks noChangeArrowheads="1"/>
        </xdr:cNvSpPr>
      </xdr:nvSpPr>
      <xdr:spPr bwMode="auto">
        <a:xfrm>
          <a:off x="5372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8</xdr:row>
      <xdr:rowOff>0</xdr:rowOff>
    </xdr:from>
    <xdr:ext cx="57150" cy="38100"/>
    <xdr:sp macro="" textlink="">
      <xdr:nvSpPr>
        <xdr:cNvPr id="94" name="Text Box 22"/>
        <xdr:cNvSpPr txBox="1">
          <a:spLocks noChangeArrowheads="1"/>
        </xdr:cNvSpPr>
      </xdr:nvSpPr>
      <xdr:spPr bwMode="auto">
        <a:xfrm>
          <a:off x="68580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8</xdr:row>
      <xdr:rowOff>0</xdr:rowOff>
    </xdr:from>
    <xdr:ext cx="57150" cy="38100"/>
    <xdr:sp macro="" textlink="">
      <xdr:nvSpPr>
        <xdr:cNvPr id="95" name="Text Box 22"/>
        <xdr:cNvSpPr txBox="1">
          <a:spLocks noChangeArrowheads="1"/>
        </xdr:cNvSpPr>
      </xdr:nvSpPr>
      <xdr:spPr bwMode="auto">
        <a:xfrm>
          <a:off x="59436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8</xdr:row>
      <xdr:rowOff>0</xdr:rowOff>
    </xdr:from>
    <xdr:ext cx="57150" cy="38100"/>
    <xdr:sp macro="" textlink="">
      <xdr:nvSpPr>
        <xdr:cNvPr id="96" name="Text Box 22"/>
        <xdr:cNvSpPr txBox="1">
          <a:spLocks noChangeArrowheads="1"/>
        </xdr:cNvSpPr>
      </xdr:nvSpPr>
      <xdr:spPr bwMode="auto">
        <a:xfrm>
          <a:off x="29718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8</xdr:row>
      <xdr:rowOff>0</xdr:rowOff>
    </xdr:from>
    <xdr:ext cx="42863" cy="38100"/>
    <xdr:sp macro="" textlink="">
      <xdr:nvSpPr>
        <xdr:cNvPr id="97" name="Text Box 22"/>
        <xdr:cNvSpPr txBox="1">
          <a:spLocks noChangeArrowheads="1"/>
        </xdr:cNvSpPr>
      </xdr:nvSpPr>
      <xdr:spPr bwMode="auto">
        <a:xfrm>
          <a:off x="5143500" y="29321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8</xdr:row>
      <xdr:rowOff>0</xdr:rowOff>
    </xdr:from>
    <xdr:ext cx="57150" cy="38100"/>
    <xdr:sp macro="" textlink="">
      <xdr:nvSpPr>
        <xdr:cNvPr id="98" name="Text Box 22"/>
        <xdr:cNvSpPr txBox="1">
          <a:spLocks noChangeArrowheads="1"/>
        </xdr:cNvSpPr>
      </xdr:nvSpPr>
      <xdr:spPr bwMode="auto">
        <a:xfrm>
          <a:off x="38862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8</xdr:row>
      <xdr:rowOff>0</xdr:rowOff>
    </xdr:from>
    <xdr:ext cx="57150" cy="38100"/>
    <xdr:sp macro="" textlink="">
      <xdr:nvSpPr>
        <xdr:cNvPr id="99" name="Text Box 22"/>
        <xdr:cNvSpPr txBox="1">
          <a:spLocks noChangeArrowheads="1"/>
        </xdr:cNvSpPr>
      </xdr:nvSpPr>
      <xdr:spPr bwMode="auto">
        <a:xfrm>
          <a:off x="48006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8</xdr:row>
      <xdr:rowOff>0</xdr:rowOff>
    </xdr:from>
    <xdr:ext cx="42863" cy="47625"/>
    <xdr:sp macro="" textlink="">
      <xdr:nvSpPr>
        <xdr:cNvPr id="100" name="Text Box 80"/>
        <xdr:cNvSpPr txBox="1">
          <a:spLocks noChangeArrowheads="1"/>
        </xdr:cNvSpPr>
      </xdr:nvSpPr>
      <xdr:spPr bwMode="auto">
        <a:xfrm>
          <a:off x="54864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8</xdr:row>
      <xdr:rowOff>0</xdr:rowOff>
    </xdr:from>
    <xdr:ext cx="42863" cy="47625"/>
    <xdr:sp macro="" textlink="">
      <xdr:nvSpPr>
        <xdr:cNvPr id="101" name="Text Box 117"/>
        <xdr:cNvSpPr txBox="1">
          <a:spLocks noChangeArrowheads="1"/>
        </xdr:cNvSpPr>
      </xdr:nvSpPr>
      <xdr:spPr bwMode="auto">
        <a:xfrm>
          <a:off x="53721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8</xdr:row>
      <xdr:rowOff>0</xdr:rowOff>
    </xdr:from>
    <xdr:ext cx="57150" cy="38100"/>
    <xdr:sp macro="" textlink="">
      <xdr:nvSpPr>
        <xdr:cNvPr id="102" name="Text Box 22"/>
        <xdr:cNvSpPr txBox="1">
          <a:spLocks noChangeArrowheads="1"/>
        </xdr:cNvSpPr>
      </xdr:nvSpPr>
      <xdr:spPr bwMode="auto">
        <a:xfrm>
          <a:off x="5372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8</xdr:row>
      <xdr:rowOff>0</xdr:rowOff>
    </xdr:from>
    <xdr:ext cx="57150" cy="38100"/>
    <xdr:sp macro="" textlink="">
      <xdr:nvSpPr>
        <xdr:cNvPr id="103" name="Text Box 22"/>
        <xdr:cNvSpPr txBox="1">
          <a:spLocks noChangeArrowheads="1"/>
        </xdr:cNvSpPr>
      </xdr:nvSpPr>
      <xdr:spPr bwMode="auto">
        <a:xfrm>
          <a:off x="60579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8</xdr:row>
      <xdr:rowOff>0</xdr:rowOff>
    </xdr:from>
    <xdr:ext cx="57150" cy="38100"/>
    <xdr:sp macro="" textlink="">
      <xdr:nvSpPr>
        <xdr:cNvPr id="104" name="Text Box 22"/>
        <xdr:cNvSpPr txBox="1">
          <a:spLocks noChangeArrowheads="1"/>
        </xdr:cNvSpPr>
      </xdr:nvSpPr>
      <xdr:spPr bwMode="auto">
        <a:xfrm>
          <a:off x="57150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8</xdr:row>
      <xdr:rowOff>0</xdr:rowOff>
    </xdr:from>
    <xdr:ext cx="42863" cy="47625"/>
    <xdr:sp macro="" textlink="">
      <xdr:nvSpPr>
        <xdr:cNvPr id="105" name="Text Box 80"/>
        <xdr:cNvSpPr txBox="1">
          <a:spLocks noChangeArrowheads="1"/>
        </xdr:cNvSpPr>
      </xdr:nvSpPr>
      <xdr:spPr bwMode="auto">
        <a:xfrm>
          <a:off x="54864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8</xdr:row>
      <xdr:rowOff>0</xdr:rowOff>
    </xdr:from>
    <xdr:ext cx="42863" cy="47625"/>
    <xdr:sp macro="" textlink="">
      <xdr:nvSpPr>
        <xdr:cNvPr id="106" name="Text Box 117"/>
        <xdr:cNvSpPr txBox="1">
          <a:spLocks noChangeArrowheads="1"/>
        </xdr:cNvSpPr>
      </xdr:nvSpPr>
      <xdr:spPr bwMode="auto">
        <a:xfrm>
          <a:off x="53721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8</xdr:row>
      <xdr:rowOff>0</xdr:rowOff>
    </xdr:from>
    <xdr:ext cx="57150" cy="38100"/>
    <xdr:sp macro="" textlink="">
      <xdr:nvSpPr>
        <xdr:cNvPr id="107" name="Text Box 22"/>
        <xdr:cNvSpPr txBox="1">
          <a:spLocks noChangeArrowheads="1"/>
        </xdr:cNvSpPr>
      </xdr:nvSpPr>
      <xdr:spPr bwMode="auto">
        <a:xfrm>
          <a:off x="5372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8</xdr:row>
      <xdr:rowOff>0</xdr:rowOff>
    </xdr:from>
    <xdr:ext cx="57150" cy="38100"/>
    <xdr:sp macro="" textlink="">
      <xdr:nvSpPr>
        <xdr:cNvPr id="108" name="Text Box 22"/>
        <xdr:cNvSpPr txBox="1">
          <a:spLocks noChangeArrowheads="1"/>
        </xdr:cNvSpPr>
      </xdr:nvSpPr>
      <xdr:spPr bwMode="auto">
        <a:xfrm>
          <a:off x="60579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8</xdr:row>
      <xdr:rowOff>0</xdr:rowOff>
    </xdr:from>
    <xdr:ext cx="42863" cy="38100"/>
    <xdr:sp macro="" textlink="">
      <xdr:nvSpPr>
        <xdr:cNvPr id="109" name="Text Box 22"/>
        <xdr:cNvSpPr txBox="1">
          <a:spLocks noChangeArrowheads="1"/>
        </xdr:cNvSpPr>
      </xdr:nvSpPr>
      <xdr:spPr bwMode="auto">
        <a:xfrm>
          <a:off x="6972300" y="29321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8</xdr:row>
      <xdr:rowOff>0</xdr:rowOff>
    </xdr:from>
    <xdr:ext cx="57150" cy="38100"/>
    <xdr:sp macro="" textlink="">
      <xdr:nvSpPr>
        <xdr:cNvPr id="110" name="Text Box 22"/>
        <xdr:cNvSpPr txBox="1">
          <a:spLocks noChangeArrowheads="1"/>
        </xdr:cNvSpPr>
      </xdr:nvSpPr>
      <xdr:spPr bwMode="auto">
        <a:xfrm>
          <a:off x="57150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8</xdr:row>
      <xdr:rowOff>0</xdr:rowOff>
    </xdr:from>
    <xdr:ext cx="57150" cy="38100"/>
    <xdr:sp macro="" textlink="">
      <xdr:nvSpPr>
        <xdr:cNvPr id="111" name="Text Box 22"/>
        <xdr:cNvSpPr txBox="1">
          <a:spLocks noChangeArrowheads="1"/>
        </xdr:cNvSpPr>
      </xdr:nvSpPr>
      <xdr:spPr bwMode="auto">
        <a:xfrm>
          <a:off x="66294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307</xdr:row>
      <xdr:rowOff>0</xdr:rowOff>
    </xdr:from>
    <xdr:ext cx="42863" cy="47625"/>
    <xdr:sp macro="" textlink="">
      <xdr:nvSpPr>
        <xdr:cNvPr id="112" name="Text Box 80"/>
        <xdr:cNvSpPr txBox="1">
          <a:spLocks noChangeArrowheads="1"/>
        </xdr:cNvSpPr>
      </xdr:nvSpPr>
      <xdr:spPr bwMode="auto">
        <a:xfrm>
          <a:off x="3657600" y="76200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307</xdr:row>
      <xdr:rowOff>0</xdr:rowOff>
    </xdr:from>
    <xdr:ext cx="42863" cy="47625"/>
    <xdr:sp macro="" textlink="">
      <xdr:nvSpPr>
        <xdr:cNvPr id="113" name="Text Box 117"/>
        <xdr:cNvSpPr txBox="1">
          <a:spLocks noChangeArrowheads="1"/>
        </xdr:cNvSpPr>
      </xdr:nvSpPr>
      <xdr:spPr bwMode="auto">
        <a:xfrm>
          <a:off x="3543300" y="76200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307</xdr:row>
      <xdr:rowOff>0</xdr:rowOff>
    </xdr:from>
    <xdr:ext cx="42863" cy="38100"/>
    <xdr:sp macro="" textlink="">
      <xdr:nvSpPr>
        <xdr:cNvPr id="114" name="Text Box 22"/>
        <xdr:cNvSpPr txBox="1">
          <a:spLocks noChangeArrowheads="1"/>
        </xdr:cNvSpPr>
      </xdr:nvSpPr>
      <xdr:spPr bwMode="auto">
        <a:xfrm>
          <a:off x="3314700" y="76200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307</xdr:row>
      <xdr:rowOff>0</xdr:rowOff>
    </xdr:from>
    <xdr:ext cx="57150" cy="38100"/>
    <xdr:sp macro="" textlink="">
      <xdr:nvSpPr>
        <xdr:cNvPr id="115" name="Text Box 22"/>
        <xdr:cNvSpPr txBox="1">
          <a:spLocks noChangeArrowheads="1"/>
        </xdr:cNvSpPr>
      </xdr:nvSpPr>
      <xdr:spPr bwMode="auto">
        <a:xfrm>
          <a:off x="20574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307</xdr:row>
      <xdr:rowOff>0</xdr:rowOff>
    </xdr:from>
    <xdr:ext cx="57150" cy="38100"/>
    <xdr:sp macro="" textlink="">
      <xdr:nvSpPr>
        <xdr:cNvPr id="116" name="Text Box 22"/>
        <xdr:cNvSpPr txBox="1">
          <a:spLocks noChangeArrowheads="1"/>
        </xdr:cNvSpPr>
      </xdr:nvSpPr>
      <xdr:spPr bwMode="auto">
        <a:xfrm>
          <a:off x="35433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307</xdr:row>
      <xdr:rowOff>0</xdr:rowOff>
    </xdr:from>
    <xdr:ext cx="57150" cy="38100"/>
    <xdr:sp macro="" textlink="">
      <xdr:nvSpPr>
        <xdr:cNvPr id="117" name="Text Box 22"/>
        <xdr:cNvSpPr txBox="1">
          <a:spLocks noChangeArrowheads="1"/>
        </xdr:cNvSpPr>
      </xdr:nvSpPr>
      <xdr:spPr bwMode="auto">
        <a:xfrm>
          <a:off x="51435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307</xdr:row>
      <xdr:rowOff>0</xdr:rowOff>
    </xdr:from>
    <xdr:ext cx="57150" cy="38100"/>
    <xdr:sp macro="" textlink="">
      <xdr:nvSpPr>
        <xdr:cNvPr id="118" name="Text Box 22"/>
        <xdr:cNvSpPr txBox="1">
          <a:spLocks noChangeArrowheads="1"/>
        </xdr:cNvSpPr>
      </xdr:nvSpPr>
      <xdr:spPr bwMode="auto">
        <a:xfrm>
          <a:off x="56007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307</xdr:row>
      <xdr:rowOff>0</xdr:rowOff>
    </xdr:from>
    <xdr:ext cx="61912" cy="38100"/>
    <xdr:sp macro="" textlink="">
      <xdr:nvSpPr>
        <xdr:cNvPr id="119" name="Text Box 80"/>
        <xdr:cNvSpPr txBox="1">
          <a:spLocks noChangeArrowheads="1"/>
        </xdr:cNvSpPr>
      </xdr:nvSpPr>
      <xdr:spPr bwMode="auto">
        <a:xfrm>
          <a:off x="4914900" y="762000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07</xdr:row>
      <xdr:rowOff>0</xdr:rowOff>
    </xdr:from>
    <xdr:ext cx="42862" cy="28575"/>
    <xdr:sp macro="" textlink="">
      <xdr:nvSpPr>
        <xdr:cNvPr id="120" name="Text Box 23"/>
        <xdr:cNvSpPr txBox="1">
          <a:spLocks noChangeArrowheads="1"/>
        </xdr:cNvSpPr>
      </xdr:nvSpPr>
      <xdr:spPr bwMode="auto">
        <a:xfrm>
          <a:off x="5257800" y="76200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307</xdr:row>
      <xdr:rowOff>0</xdr:rowOff>
    </xdr:from>
    <xdr:ext cx="42863" cy="38100"/>
    <xdr:sp macro="" textlink="">
      <xdr:nvSpPr>
        <xdr:cNvPr id="121" name="Text Box 22"/>
        <xdr:cNvSpPr txBox="1">
          <a:spLocks noChangeArrowheads="1"/>
        </xdr:cNvSpPr>
      </xdr:nvSpPr>
      <xdr:spPr bwMode="auto">
        <a:xfrm>
          <a:off x="5257800" y="76200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07</xdr:row>
      <xdr:rowOff>0</xdr:rowOff>
    </xdr:from>
    <xdr:ext cx="42862" cy="28575"/>
    <xdr:sp macro="" textlink="">
      <xdr:nvSpPr>
        <xdr:cNvPr id="122" name="Text Box 23"/>
        <xdr:cNvSpPr txBox="1">
          <a:spLocks noChangeArrowheads="1"/>
        </xdr:cNvSpPr>
      </xdr:nvSpPr>
      <xdr:spPr bwMode="auto">
        <a:xfrm>
          <a:off x="5257800" y="76200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307</xdr:row>
      <xdr:rowOff>0</xdr:rowOff>
    </xdr:from>
    <xdr:ext cx="57150" cy="38100"/>
    <xdr:sp macro="" textlink="">
      <xdr:nvSpPr>
        <xdr:cNvPr id="123" name="Text Box 22"/>
        <xdr:cNvSpPr txBox="1">
          <a:spLocks noChangeArrowheads="1"/>
        </xdr:cNvSpPr>
      </xdr:nvSpPr>
      <xdr:spPr bwMode="auto">
        <a:xfrm>
          <a:off x="42291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7</xdr:row>
      <xdr:rowOff>0</xdr:rowOff>
    </xdr:from>
    <xdr:ext cx="42863" cy="47625"/>
    <xdr:sp macro="" textlink="">
      <xdr:nvSpPr>
        <xdr:cNvPr id="124" name="Text Box 80"/>
        <xdr:cNvSpPr txBox="1">
          <a:spLocks noChangeArrowheads="1"/>
        </xdr:cNvSpPr>
      </xdr:nvSpPr>
      <xdr:spPr bwMode="auto">
        <a:xfrm>
          <a:off x="5486400" y="76200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07</xdr:row>
      <xdr:rowOff>0</xdr:rowOff>
    </xdr:from>
    <xdr:ext cx="57150" cy="38100"/>
    <xdr:sp macro="" textlink="">
      <xdr:nvSpPr>
        <xdr:cNvPr id="125" name="Text Box 22"/>
        <xdr:cNvSpPr txBox="1">
          <a:spLocks noChangeArrowheads="1"/>
        </xdr:cNvSpPr>
      </xdr:nvSpPr>
      <xdr:spPr bwMode="auto">
        <a:xfrm>
          <a:off x="53721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307</xdr:row>
      <xdr:rowOff>0</xdr:rowOff>
    </xdr:from>
    <xdr:ext cx="57150" cy="38100"/>
    <xdr:sp macro="" textlink="">
      <xdr:nvSpPr>
        <xdr:cNvPr id="126" name="Text Box 22"/>
        <xdr:cNvSpPr txBox="1">
          <a:spLocks noChangeArrowheads="1"/>
        </xdr:cNvSpPr>
      </xdr:nvSpPr>
      <xdr:spPr bwMode="auto">
        <a:xfrm>
          <a:off x="68580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307</xdr:row>
      <xdr:rowOff>0</xdr:rowOff>
    </xdr:from>
    <xdr:ext cx="57150" cy="38100"/>
    <xdr:sp macro="" textlink="">
      <xdr:nvSpPr>
        <xdr:cNvPr id="127" name="Text Box 22"/>
        <xdr:cNvSpPr txBox="1">
          <a:spLocks noChangeArrowheads="1"/>
        </xdr:cNvSpPr>
      </xdr:nvSpPr>
      <xdr:spPr bwMode="auto">
        <a:xfrm>
          <a:off x="59436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307</xdr:row>
      <xdr:rowOff>0</xdr:rowOff>
    </xdr:from>
    <xdr:ext cx="57150" cy="38100"/>
    <xdr:sp macro="" textlink="">
      <xdr:nvSpPr>
        <xdr:cNvPr id="128" name="Text Box 22"/>
        <xdr:cNvSpPr txBox="1">
          <a:spLocks noChangeArrowheads="1"/>
        </xdr:cNvSpPr>
      </xdr:nvSpPr>
      <xdr:spPr bwMode="auto">
        <a:xfrm>
          <a:off x="29718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307</xdr:row>
      <xdr:rowOff>0</xdr:rowOff>
    </xdr:from>
    <xdr:ext cx="42863" cy="38100"/>
    <xdr:sp macro="" textlink="">
      <xdr:nvSpPr>
        <xdr:cNvPr id="129" name="Text Box 22"/>
        <xdr:cNvSpPr txBox="1">
          <a:spLocks noChangeArrowheads="1"/>
        </xdr:cNvSpPr>
      </xdr:nvSpPr>
      <xdr:spPr bwMode="auto">
        <a:xfrm>
          <a:off x="5143500" y="76200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307</xdr:row>
      <xdr:rowOff>0</xdr:rowOff>
    </xdr:from>
    <xdr:ext cx="57150" cy="38100"/>
    <xdr:sp macro="" textlink="">
      <xdr:nvSpPr>
        <xdr:cNvPr id="130" name="Text Box 22"/>
        <xdr:cNvSpPr txBox="1">
          <a:spLocks noChangeArrowheads="1"/>
        </xdr:cNvSpPr>
      </xdr:nvSpPr>
      <xdr:spPr bwMode="auto">
        <a:xfrm>
          <a:off x="38862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307</xdr:row>
      <xdr:rowOff>0</xdr:rowOff>
    </xdr:from>
    <xdr:ext cx="57150" cy="38100"/>
    <xdr:sp macro="" textlink="">
      <xdr:nvSpPr>
        <xdr:cNvPr id="131" name="Text Box 22"/>
        <xdr:cNvSpPr txBox="1">
          <a:spLocks noChangeArrowheads="1"/>
        </xdr:cNvSpPr>
      </xdr:nvSpPr>
      <xdr:spPr bwMode="auto">
        <a:xfrm>
          <a:off x="48006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7</xdr:row>
      <xdr:rowOff>0</xdr:rowOff>
    </xdr:from>
    <xdr:ext cx="42863" cy="47625"/>
    <xdr:sp macro="" textlink="">
      <xdr:nvSpPr>
        <xdr:cNvPr id="132" name="Text Box 80"/>
        <xdr:cNvSpPr txBox="1">
          <a:spLocks noChangeArrowheads="1"/>
        </xdr:cNvSpPr>
      </xdr:nvSpPr>
      <xdr:spPr bwMode="auto">
        <a:xfrm>
          <a:off x="5486400" y="76200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07</xdr:row>
      <xdr:rowOff>0</xdr:rowOff>
    </xdr:from>
    <xdr:ext cx="42863" cy="47625"/>
    <xdr:sp macro="" textlink="">
      <xdr:nvSpPr>
        <xdr:cNvPr id="133" name="Text Box 117"/>
        <xdr:cNvSpPr txBox="1">
          <a:spLocks noChangeArrowheads="1"/>
        </xdr:cNvSpPr>
      </xdr:nvSpPr>
      <xdr:spPr bwMode="auto">
        <a:xfrm>
          <a:off x="5372100" y="76200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07</xdr:row>
      <xdr:rowOff>0</xdr:rowOff>
    </xdr:from>
    <xdr:ext cx="57150" cy="38100"/>
    <xdr:sp macro="" textlink="">
      <xdr:nvSpPr>
        <xdr:cNvPr id="134" name="Text Box 22"/>
        <xdr:cNvSpPr txBox="1">
          <a:spLocks noChangeArrowheads="1"/>
        </xdr:cNvSpPr>
      </xdr:nvSpPr>
      <xdr:spPr bwMode="auto">
        <a:xfrm>
          <a:off x="53721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07</xdr:row>
      <xdr:rowOff>0</xdr:rowOff>
    </xdr:from>
    <xdr:ext cx="57150" cy="38100"/>
    <xdr:sp macro="" textlink="">
      <xdr:nvSpPr>
        <xdr:cNvPr id="135" name="Text Box 22"/>
        <xdr:cNvSpPr txBox="1">
          <a:spLocks noChangeArrowheads="1"/>
        </xdr:cNvSpPr>
      </xdr:nvSpPr>
      <xdr:spPr bwMode="auto">
        <a:xfrm>
          <a:off x="60579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07</xdr:row>
      <xdr:rowOff>0</xdr:rowOff>
    </xdr:from>
    <xdr:ext cx="57150" cy="38100"/>
    <xdr:sp macro="" textlink="">
      <xdr:nvSpPr>
        <xdr:cNvPr id="136" name="Text Box 22"/>
        <xdr:cNvSpPr txBox="1">
          <a:spLocks noChangeArrowheads="1"/>
        </xdr:cNvSpPr>
      </xdr:nvSpPr>
      <xdr:spPr bwMode="auto">
        <a:xfrm>
          <a:off x="57150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7</xdr:row>
      <xdr:rowOff>0</xdr:rowOff>
    </xdr:from>
    <xdr:ext cx="42863" cy="47625"/>
    <xdr:sp macro="" textlink="">
      <xdr:nvSpPr>
        <xdr:cNvPr id="137" name="Text Box 80"/>
        <xdr:cNvSpPr txBox="1">
          <a:spLocks noChangeArrowheads="1"/>
        </xdr:cNvSpPr>
      </xdr:nvSpPr>
      <xdr:spPr bwMode="auto">
        <a:xfrm>
          <a:off x="5486400" y="76200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07</xdr:row>
      <xdr:rowOff>0</xdr:rowOff>
    </xdr:from>
    <xdr:ext cx="42863" cy="47625"/>
    <xdr:sp macro="" textlink="">
      <xdr:nvSpPr>
        <xdr:cNvPr id="138" name="Text Box 117"/>
        <xdr:cNvSpPr txBox="1">
          <a:spLocks noChangeArrowheads="1"/>
        </xdr:cNvSpPr>
      </xdr:nvSpPr>
      <xdr:spPr bwMode="auto">
        <a:xfrm>
          <a:off x="5372100" y="76200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07</xdr:row>
      <xdr:rowOff>0</xdr:rowOff>
    </xdr:from>
    <xdr:ext cx="57150" cy="38100"/>
    <xdr:sp macro="" textlink="">
      <xdr:nvSpPr>
        <xdr:cNvPr id="139" name="Text Box 22"/>
        <xdr:cNvSpPr txBox="1">
          <a:spLocks noChangeArrowheads="1"/>
        </xdr:cNvSpPr>
      </xdr:nvSpPr>
      <xdr:spPr bwMode="auto">
        <a:xfrm>
          <a:off x="60579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307</xdr:row>
      <xdr:rowOff>0</xdr:rowOff>
    </xdr:from>
    <xdr:ext cx="42863" cy="38100"/>
    <xdr:sp macro="" textlink="">
      <xdr:nvSpPr>
        <xdr:cNvPr id="140" name="Text Box 22"/>
        <xdr:cNvSpPr txBox="1">
          <a:spLocks noChangeArrowheads="1"/>
        </xdr:cNvSpPr>
      </xdr:nvSpPr>
      <xdr:spPr bwMode="auto">
        <a:xfrm>
          <a:off x="6972300" y="76200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07</xdr:row>
      <xdr:rowOff>0</xdr:rowOff>
    </xdr:from>
    <xdr:ext cx="57150" cy="38100"/>
    <xdr:sp macro="" textlink="">
      <xdr:nvSpPr>
        <xdr:cNvPr id="141" name="Text Box 22"/>
        <xdr:cNvSpPr txBox="1">
          <a:spLocks noChangeArrowheads="1"/>
        </xdr:cNvSpPr>
      </xdr:nvSpPr>
      <xdr:spPr bwMode="auto">
        <a:xfrm>
          <a:off x="57150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307</xdr:row>
      <xdr:rowOff>0</xdr:rowOff>
    </xdr:from>
    <xdr:ext cx="57150" cy="38100"/>
    <xdr:sp macro="" textlink="">
      <xdr:nvSpPr>
        <xdr:cNvPr id="142" name="Text Box 22"/>
        <xdr:cNvSpPr txBox="1">
          <a:spLocks noChangeArrowheads="1"/>
        </xdr:cNvSpPr>
      </xdr:nvSpPr>
      <xdr:spPr bwMode="auto">
        <a:xfrm>
          <a:off x="66294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8</xdr:row>
      <xdr:rowOff>0</xdr:rowOff>
    </xdr:from>
    <xdr:ext cx="42863" cy="47625"/>
    <xdr:sp macro="" textlink="">
      <xdr:nvSpPr>
        <xdr:cNvPr id="143" name="Text Box 80"/>
        <xdr:cNvSpPr txBox="1">
          <a:spLocks noChangeArrowheads="1"/>
        </xdr:cNvSpPr>
      </xdr:nvSpPr>
      <xdr:spPr bwMode="auto">
        <a:xfrm>
          <a:off x="36576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8</xdr:row>
      <xdr:rowOff>0</xdr:rowOff>
    </xdr:from>
    <xdr:ext cx="42863" cy="47625"/>
    <xdr:sp macro="" textlink="">
      <xdr:nvSpPr>
        <xdr:cNvPr id="144" name="Text Box 117"/>
        <xdr:cNvSpPr txBox="1">
          <a:spLocks noChangeArrowheads="1"/>
        </xdr:cNvSpPr>
      </xdr:nvSpPr>
      <xdr:spPr bwMode="auto">
        <a:xfrm>
          <a:off x="35433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8</xdr:row>
      <xdr:rowOff>0</xdr:rowOff>
    </xdr:from>
    <xdr:ext cx="33337" cy="47625"/>
    <xdr:sp macro="" textlink="">
      <xdr:nvSpPr>
        <xdr:cNvPr id="145" name="Text Box 118"/>
        <xdr:cNvSpPr txBox="1">
          <a:spLocks noChangeArrowheads="1"/>
        </xdr:cNvSpPr>
      </xdr:nvSpPr>
      <xdr:spPr bwMode="auto">
        <a:xfrm>
          <a:off x="3471862" y="293217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8</xdr:row>
      <xdr:rowOff>0</xdr:rowOff>
    </xdr:from>
    <xdr:ext cx="42863" cy="38100"/>
    <xdr:sp macro="" textlink="">
      <xdr:nvSpPr>
        <xdr:cNvPr id="146" name="Text Box 22"/>
        <xdr:cNvSpPr txBox="1">
          <a:spLocks noChangeArrowheads="1"/>
        </xdr:cNvSpPr>
      </xdr:nvSpPr>
      <xdr:spPr bwMode="auto">
        <a:xfrm>
          <a:off x="3314700" y="29321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8</xdr:row>
      <xdr:rowOff>0</xdr:rowOff>
    </xdr:from>
    <xdr:ext cx="57150" cy="38100"/>
    <xdr:sp macro="" textlink="">
      <xdr:nvSpPr>
        <xdr:cNvPr id="147" name="Text Box 22"/>
        <xdr:cNvSpPr txBox="1">
          <a:spLocks noChangeArrowheads="1"/>
        </xdr:cNvSpPr>
      </xdr:nvSpPr>
      <xdr:spPr bwMode="auto">
        <a:xfrm>
          <a:off x="20574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8</xdr:row>
      <xdr:rowOff>0</xdr:rowOff>
    </xdr:from>
    <xdr:ext cx="57150" cy="38100"/>
    <xdr:sp macro="" textlink="">
      <xdr:nvSpPr>
        <xdr:cNvPr id="148" name="Text Box 22"/>
        <xdr:cNvSpPr txBox="1">
          <a:spLocks noChangeArrowheads="1"/>
        </xdr:cNvSpPr>
      </xdr:nvSpPr>
      <xdr:spPr bwMode="auto">
        <a:xfrm>
          <a:off x="35433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8</xdr:row>
      <xdr:rowOff>0</xdr:rowOff>
    </xdr:from>
    <xdr:ext cx="57150" cy="38100"/>
    <xdr:sp macro="" textlink="">
      <xdr:nvSpPr>
        <xdr:cNvPr id="149" name="Text Box 22"/>
        <xdr:cNvSpPr txBox="1">
          <a:spLocks noChangeArrowheads="1"/>
        </xdr:cNvSpPr>
      </xdr:nvSpPr>
      <xdr:spPr bwMode="auto">
        <a:xfrm>
          <a:off x="51435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8</xdr:row>
      <xdr:rowOff>0</xdr:rowOff>
    </xdr:from>
    <xdr:ext cx="57150" cy="38100"/>
    <xdr:sp macro="" textlink="">
      <xdr:nvSpPr>
        <xdr:cNvPr id="150" name="Text Box 22"/>
        <xdr:cNvSpPr txBox="1">
          <a:spLocks noChangeArrowheads="1"/>
        </xdr:cNvSpPr>
      </xdr:nvSpPr>
      <xdr:spPr bwMode="auto">
        <a:xfrm>
          <a:off x="56007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08</xdr:row>
      <xdr:rowOff>0</xdr:rowOff>
    </xdr:from>
    <xdr:ext cx="61912" cy="38100"/>
    <xdr:sp macro="" textlink="">
      <xdr:nvSpPr>
        <xdr:cNvPr id="151" name="Text Box 80"/>
        <xdr:cNvSpPr txBox="1">
          <a:spLocks noChangeArrowheads="1"/>
        </xdr:cNvSpPr>
      </xdr:nvSpPr>
      <xdr:spPr bwMode="auto">
        <a:xfrm>
          <a:off x="4914900" y="293217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8</xdr:row>
      <xdr:rowOff>0</xdr:rowOff>
    </xdr:from>
    <xdr:ext cx="42862" cy="28575"/>
    <xdr:sp macro="" textlink="">
      <xdr:nvSpPr>
        <xdr:cNvPr id="152" name="Text Box 23"/>
        <xdr:cNvSpPr txBox="1">
          <a:spLocks noChangeArrowheads="1"/>
        </xdr:cNvSpPr>
      </xdr:nvSpPr>
      <xdr:spPr bwMode="auto">
        <a:xfrm>
          <a:off x="5257800" y="293217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8</xdr:row>
      <xdr:rowOff>0</xdr:rowOff>
    </xdr:from>
    <xdr:ext cx="42863" cy="38100"/>
    <xdr:sp macro="" textlink="">
      <xdr:nvSpPr>
        <xdr:cNvPr id="153" name="Text Box 22"/>
        <xdr:cNvSpPr txBox="1">
          <a:spLocks noChangeArrowheads="1"/>
        </xdr:cNvSpPr>
      </xdr:nvSpPr>
      <xdr:spPr bwMode="auto">
        <a:xfrm>
          <a:off x="5257800" y="29321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8</xdr:row>
      <xdr:rowOff>0</xdr:rowOff>
    </xdr:from>
    <xdr:ext cx="42862" cy="28575"/>
    <xdr:sp macro="" textlink="">
      <xdr:nvSpPr>
        <xdr:cNvPr id="154" name="Text Box 23"/>
        <xdr:cNvSpPr txBox="1">
          <a:spLocks noChangeArrowheads="1"/>
        </xdr:cNvSpPr>
      </xdr:nvSpPr>
      <xdr:spPr bwMode="auto">
        <a:xfrm>
          <a:off x="5257800" y="293217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8</xdr:row>
      <xdr:rowOff>0</xdr:rowOff>
    </xdr:from>
    <xdr:ext cx="57150" cy="38100"/>
    <xdr:sp macro="" textlink="">
      <xdr:nvSpPr>
        <xdr:cNvPr id="155" name="Text Box 22"/>
        <xdr:cNvSpPr txBox="1">
          <a:spLocks noChangeArrowheads="1"/>
        </xdr:cNvSpPr>
      </xdr:nvSpPr>
      <xdr:spPr bwMode="auto">
        <a:xfrm>
          <a:off x="4229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8</xdr:row>
      <xdr:rowOff>0</xdr:rowOff>
    </xdr:from>
    <xdr:ext cx="42863" cy="47625"/>
    <xdr:sp macro="" textlink="">
      <xdr:nvSpPr>
        <xdr:cNvPr id="156" name="Text Box 80"/>
        <xdr:cNvSpPr txBox="1">
          <a:spLocks noChangeArrowheads="1"/>
        </xdr:cNvSpPr>
      </xdr:nvSpPr>
      <xdr:spPr bwMode="auto">
        <a:xfrm>
          <a:off x="54864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8</xdr:row>
      <xdr:rowOff>0</xdr:rowOff>
    </xdr:from>
    <xdr:ext cx="57150" cy="38100"/>
    <xdr:sp macro="" textlink="">
      <xdr:nvSpPr>
        <xdr:cNvPr id="157" name="Text Box 22"/>
        <xdr:cNvSpPr txBox="1">
          <a:spLocks noChangeArrowheads="1"/>
        </xdr:cNvSpPr>
      </xdr:nvSpPr>
      <xdr:spPr bwMode="auto">
        <a:xfrm>
          <a:off x="5372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8</xdr:row>
      <xdr:rowOff>0</xdr:rowOff>
    </xdr:from>
    <xdr:ext cx="57150" cy="38100"/>
    <xdr:sp macro="" textlink="">
      <xdr:nvSpPr>
        <xdr:cNvPr id="158" name="Text Box 22"/>
        <xdr:cNvSpPr txBox="1">
          <a:spLocks noChangeArrowheads="1"/>
        </xdr:cNvSpPr>
      </xdr:nvSpPr>
      <xdr:spPr bwMode="auto">
        <a:xfrm>
          <a:off x="68580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8</xdr:row>
      <xdr:rowOff>0</xdr:rowOff>
    </xdr:from>
    <xdr:ext cx="57150" cy="38100"/>
    <xdr:sp macro="" textlink="">
      <xdr:nvSpPr>
        <xdr:cNvPr id="159" name="Text Box 22"/>
        <xdr:cNvSpPr txBox="1">
          <a:spLocks noChangeArrowheads="1"/>
        </xdr:cNvSpPr>
      </xdr:nvSpPr>
      <xdr:spPr bwMode="auto">
        <a:xfrm>
          <a:off x="59436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8</xdr:row>
      <xdr:rowOff>0</xdr:rowOff>
    </xdr:from>
    <xdr:ext cx="57150" cy="38100"/>
    <xdr:sp macro="" textlink="">
      <xdr:nvSpPr>
        <xdr:cNvPr id="160" name="Text Box 22"/>
        <xdr:cNvSpPr txBox="1">
          <a:spLocks noChangeArrowheads="1"/>
        </xdr:cNvSpPr>
      </xdr:nvSpPr>
      <xdr:spPr bwMode="auto">
        <a:xfrm>
          <a:off x="29718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8</xdr:row>
      <xdr:rowOff>0</xdr:rowOff>
    </xdr:from>
    <xdr:ext cx="42863" cy="38100"/>
    <xdr:sp macro="" textlink="">
      <xdr:nvSpPr>
        <xdr:cNvPr id="161" name="Text Box 22"/>
        <xdr:cNvSpPr txBox="1">
          <a:spLocks noChangeArrowheads="1"/>
        </xdr:cNvSpPr>
      </xdr:nvSpPr>
      <xdr:spPr bwMode="auto">
        <a:xfrm>
          <a:off x="5143500" y="29321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8</xdr:row>
      <xdr:rowOff>0</xdr:rowOff>
    </xdr:from>
    <xdr:ext cx="57150" cy="38100"/>
    <xdr:sp macro="" textlink="">
      <xdr:nvSpPr>
        <xdr:cNvPr id="162" name="Text Box 22"/>
        <xdr:cNvSpPr txBox="1">
          <a:spLocks noChangeArrowheads="1"/>
        </xdr:cNvSpPr>
      </xdr:nvSpPr>
      <xdr:spPr bwMode="auto">
        <a:xfrm>
          <a:off x="38862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8</xdr:row>
      <xdr:rowOff>0</xdr:rowOff>
    </xdr:from>
    <xdr:ext cx="57150" cy="38100"/>
    <xdr:sp macro="" textlink="">
      <xdr:nvSpPr>
        <xdr:cNvPr id="163" name="Text Box 22"/>
        <xdr:cNvSpPr txBox="1">
          <a:spLocks noChangeArrowheads="1"/>
        </xdr:cNvSpPr>
      </xdr:nvSpPr>
      <xdr:spPr bwMode="auto">
        <a:xfrm>
          <a:off x="48006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8</xdr:row>
      <xdr:rowOff>0</xdr:rowOff>
    </xdr:from>
    <xdr:ext cx="42863" cy="47625"/>
    <xdr:sp macro="" textlink="">
      <xdr:nvSpPr>
        <xdr:cNvPr id="164" name="Text Box 80"/>
        <xdr:cNvSpPr txBox="1">
          <a:spLocks noChangeArrowheads="1"/>
        </xdr:cNvSpPr>
      </xdr:nvSpPr>
      <xdr:spPr bwMode="auto">
        <a:xfrm>
          <a:off x="54864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8</xdr:row>
      <xdr:rowOff>0</xdr:rowOff>
    </xdr:from>
    <xdr:ext cx="42863" cy="47625"/>
    <xdr:sp macro="" textlink="">
      <xdr:nvSpPr>
        <xdr:cNvPr id="165" name="Text Box 117"/>
        <xdr:cNvSpPr txBox="1">
          <a:spLocks noChangeArrowheads="1"/>
        </xdr:cNvSpPr>
      </xdr:nvSpPr>
      <xdr:spPr bwMode="auto">
        <a:xfrm>
          <a:off x="53721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8</xdr:row>
      <xdr:rowOff>0</xdr:rowOff>
    </xdr:from>
    <xdr:ext cx="57150" cy="38100"/>
    <xdr:sp macro="" textlink="">
      <xdr:nvSpPr>
        <xdr:cNvPr id="166" name="Text Box 22"/>
        <xdr:cNvSpPr txBox="1">
          <a:spLocks noChangeArrowheads="1"/>
        </xdr:cNvSpPr>
      </xdr:nvSpPr>
      <xdr:spPr bwMode="auto">
        <a:xfrm>
          <a:off x="5372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8</xdr:row>
      <xdr:rowOff>0</xdr:rowOff>
    </xdr:from>
    <xdr:ext cx="57150" cy="38100"/>
    <xdr:sp macro="" textlink="">
      <xdr:nvSpPr>
        <xdr:cNvPr id="167" name="Text Box 22"/>
        <xdr:cNvSpPr txBox="1">
          <a:spLocks noChangeArrowheads="1"/>
        </xdr:cNvSpPr>
      </xdr:nvSpPr>
      <xdr:spPr bwMode="auto">
        <a:xfrm>
          <a:off x="60579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8</xdr:row>
      <xdr:rowOff>0</xdr:rowOff>
    </xdr:from>
    <xdr:ext cx="57150" cy="38100"/>
    <xdr:sp macro="" textlink="">
      <xdr:nvSpPr>
        <xdr:cNvPr id="168" name="Text Box 22"/>
        <xdr:cNvSpPr txBox="1">
          <a:spLocks noChangeArrowheads="1"/>
        </xdr:cNvSpPr>
      </xdr:nvSpPr>
      <xdr:spPr bwMode="auto">
        <a:xfrm>
          <a:off x="57150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8</xdr:row>
      <xdr:rowOff>0</xdr:rowOff>
    </xdr:from>
    <xdr:ext cx="42863" cy="47625"/>
    <xdr:sp macro="" textlink="">
      <xdr:nvSpPr>
        <xdr:cNvPr id="169" name="Text Box 80"/>
        <xdr:cNvSpPr txBox="1">
          <a:spLocks noChangeArrowheads="1"/>
        </xdr:cNvSpPr>
      </xdr:nvSpPr>
      <xdr:spPr bwMode="auto">
        <a:xfrm>
          <a:off x="54864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8</xdr:row>
      <xdr:rowOff>0</xdr:rowOff>
    </xdr:from>
    <xdr:ext cx="42863" cy="47625"/>
    <xdr:sp macro="" textlink="">
      <xdr:nvSpPr>
        <xdr:cNvPr id="170" name="Text Box 117"/>
        <xdr:cNvSpPr txBox="1">
          <a:spLocks noChangeArrowheads="1"/>
        </xdr:cNvSpPr>
      </xdr:nvSpPr>
      <xdr:spPr bwMode="auto">
        <a:xfrm>
          <a:off x="53721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8</xdr:row>
      <xdr:rowOff>0</xdr:rowOff>
    </xdr:from>
    <xdr:ext cx="57150" cy="38100"/>
    <xdr:sp macro="" textlink="">
      <xdr:nvSpPr>
        <xdr:cNvPr id="171" name="Text Box 22"/>
        <xdr:cNvSpPr txBox="1">
          <a:spLocks noChangeArrowheads="1"/>
        </xdr:cNvSpPr>
      </xdr:nvSpPr>
      <xdr:spPr bwMode="auto">
        <a:xfrm>
          <a:off x="5372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8</xdr:row>
      <xdr:rowOff>0</xdr:rowOff>
    </xdr:from>
    <xdr:ext cx="57150" cy="38100"/>
    <xdr:sp macro="" textlink="">
      <xdr:nvSpPr>
        <xdr:cNvPr id="172" name="Text Box 22"/>
        <xdr:cNvSpPr txBox="1">
          <a:spLocks noChangeArrowheads="1"/>
        </xdr:cNvSpPr>
      </xdr:nvSpPr>
      <xdr:spPr bwMode="auto">
        <a:xfrm>
          <a:off x="60579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8</xdr:row>
      <xdr:rowOff>0</xdr:rowOff>
    </xdr:from>
    <xdr:ext cx="42863" cy="38100"/>
    <xdr:sp macro="" textlink="">
      <xdr:nvSpPr>
        <xdr:cNvPr id="173" name="Text Box 22"/>
        <xdr:cNvSpPr txBox="1">
          <a:spLocks noChangeArrowheads="1"/>
        </xdr:cNvSpPr>
      </xdr:nvSpPr>
      <xdr:spPr bwMode="auto">
        <a:xfrm>
          <a:off x="6972300" y="29321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8</xdr:row>
      <xdr:rowOff>0</xdr:rowOff>
    </xdr:from>
    <xdr:ext cx="57150" cy="38100"/>
    <xdr:sp macro="" textlink="">
      <xdr:nvSpPr>
        <xdr:cNvPr id="174" name="Text Box 22"/>
        <xdr:cNvSpPr txBox="1">
          <a:spLocks noChangeArrowheads="1"/>
        </xdr:cNvSpPr>
      </xdr:nvSpPr>
      <xdr:spPr bwMode="auto">
        <a:xfrm>
          <a:off x="57150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8</xdr:row>
      <xdr:rowOff>0</xdr:rowOff>
    </xdr:from>
    <xdr:ext cx="57150" cy="38100"/>
    <xdr:sp macro="" textlink="">
      <xdr:nvSpPr>
        <xdr:cNvPr id="175" name="Text Box 22"/>
        <xdr:cNvSpPr txBox="1">
          <a:spLocks noChangeArrowheads="1"/>
        </xdr:cNvSpPr>
      </xdr:nvSpPr>
      <xdr:spPr bwMode="auto">
        <a:xfrm>
          <a:off x="66294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35719</xdr:colOff>
      <xdr:row>78</xdr:row>
      <xdr:rowOff>0</xdr:rowOff>
    </xdr:from>
    <xdr:to>
      <xdr:col>12</xdr:col>
      <xdr:colOff>23813</xdr:colOff>
      <xdr:row>78</xdr:row>
      <xdr:rowOff>273844</xdr:rowOff>
    </xdr:to>
    <xdr:sp macro="" textlink="">
      <xdr:nvSpPr>
        <xdr:cNvPr id="176" name="テキスト ボックス 175"/>
        <xdr:cNvSpPr txBox="1"/>
      </xdr:nvSpPr>
      <xdr:spPr>
        <a:xfrm>
          <a:off x="721519" y="20520660"/>
          <a:ext cx="673894"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2</xdr:col>
      <xdr:colOff>107157</xdr:colOff>
      <xdr:row>78</xdr:row>
      <xdr:rowOff>392904</xdr:rowOff>
    </xdr:from>
    <xdr:to>
      <xdr:col>10</xdr:col>
      <xdr:colOff>83345</xdr:colOff>
      <xdr:row>79</xdr:row>
      <xdr:rowOff>11906</xdr:rowOff>
    </xdr:to>
    <xdr:sp macro="" textlink="">
      <xdr:nvSpPr>
        <xdr:cNvPr id="177" name="テキスト ボックス 176"/>
        <xdr:cNvSpPr txBox="1"/>
      </xdr:nvSpPr>
      <xdr:spPr>
        <a:xfrm>
          <a:off x="335757" y="20913564"/>
          <a:ext cx="890588" cy="27432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保育状況</a:t>
          </a:r>
        </a:p>
      </xdr:txBody>
    </xdr:sp>
    <xdr:clientData/>
  </xdr:twoCellAnchor>
  <xdr:oneCellAnchor>
    <xdr:from>
      <xdr:col>39</xdr:col>
      <xdr:colOff>114300</xdr:colOff>
      <xdr:row>78</xdr:row>
      <xdr:rowOff>0</xdr:rowOff>
    </xdr:from>
    <xdr:ext cx="61912" cy="38100"/>
    <xdr:sp macro="" textlink="">
      <xdr:nvSpPr>
        <xdr:cNvPr id="178" name="Text Box 80"/>
        <xdr:cNvSpPr txBox="1">
          <a:spLocks noChangeArrowheads="1"/>
        </xdr:cNvSpPr>
      </xdr:nvSpPr>
      <xdr:spPr bwMode="auto">
        <a:xfrm>
          <a:off x="4572000" y="205206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308</xdr:row>
      <xdr:rowOff>0</xdr:rowOff>
    </xdr:from>
    <xdr:ext cx="42863" cy="47625"/>
    <xdr:sp macro="" textlink="">
      <xdr:nvSpPr>
        <xdr:cNvPr id="179" name="Text Box 80"/>
        <xdr:cNvSpPr txBox="1">
          <a:spLocks noChangeArrowheads="1"/>
        </xdr:cNvSpPr>
      </xdr:nvSpPr>
      <xdr:spPr bwMode="auto">
        <a:xfrm>
          <a:off x="3471862" y="762762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5</xdr:col>
      <xdr:colOff>90488</xdr:colOff>
      <xdr:row>308</xdr:row>
      <xdr:rowOff>0</xdr:rowOff>
    </xdr:from>
    <xdr:ext cx="47625" cy="28575"/>
    <xdr:sp macro="" textlink="">
      <xdr:nvSpPr>
        <xdr:cNvPr id="180" name="Text Box 23"/>
        <xdr:cNvSpPr txBox="1">
          <a:spLocks noChangeArrowheads="1"/>
        </xdr:cNvSpPr>
      </xdr:nvSpPr>
      <xdr:spPr bwMode="auto">
        <a:xfrm>
          <a:off x="2947988" y="76276200"/>
          <a:ext cx="47625"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308</xdr:row>
      <xdr:rowOff>0</xdr:rowOff>
    </xdr:from>
    <xdr:ext cx="57150" cy="38100"/>
    <xdr:sp macro="" textlink="">
      <xdr:nvSpPr>
        <xdr:cNvPr id="181" name="Text Box 22"/>
        <xdr:cNvSpPr txBox="1">
          <a:spLocks noChangeArrowheads="1"/>
        </xdr:cNvSpPr>
      </xdr:nvSpPr>
      <xdr:spPr bwMode="auto">
        <a:xfrm>
          <a:off x="571500" y="762762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08</xdr:row>
      <xdr:rowOff>0</xdr:rowOff>
    </xdr:from>
    <xdr:ext cx="61912" cy="38100"/>
    <xdr:sp macro="" textlink="">
      <xdr:nvSpPr>
        <xdr:cNvPr id="182" name="Text Box 80"/>
        <xdr:cNvSpPr txBox="1">
          <a:spLocks noChangeArrowheads="1"/>
        </xdr:cNvSpPr>
      </xdr:nvSpPr>
      <xdr:spPr bwMode="auto">
        <a:xfrm>
          <a:off x="2514600" y="293217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08</xdr:row>
      <xdr:rowOff>0</xdr:rowOff>
    </xdr:from>
    <xdr:ext cx="61912" cy="38100"/>
    <xdr:sp macro="" textlink="">
      <xdr:nvSpPr>
        <xdr:cNvPr id="183" name="Text Box 80"/>
        <xdr:cNvSpPr txBox="1">
          <a:spLocks noChangeArrowheads="1"/>
        </xdr:cNvSpPr>
      </xdr:nvSpPr>
      <xdr:spPr bwMode="auto">
        <a:xfrm>
          <a:off x="342900" y="293217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08</xdr:row>
      <xdr:rowOff>0</xdr:rowOff>
    </xdr:from>
    <xdr:ext cx="61912" cy="38100"/>
    <xdr:sp macro="" textlink="">
      <xdr:nvSpPr>
        <xdr:cNvPr id="184" name="Text Box 80"/>
        <xdr:cNvSpPr txBox="1">
          <a:spLocks noChangeArrowheads="1"/>
        </xdr:cNvSpPr>
      </xdr:nvSpPr>
      <xdr:spPr bwMode="auto">
        <a:xfrm>
          <a:off x="2514600" y="293217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08</xdr:row>
      <xdr:rowOff>0</xdr:rowOff>
    </xdr:from>
    <xdr:ext cx="61912" cy="38100"/>
    <xdr:sp macro="" textlink="">
      <xdr:nvSpPr>
        <xdr:cNvPr id="185" name="Text Box 80"/>
        <xdr:cNvSpPr txBox="1">
          <a:spLocks noChangeArrowheads="1"/>
        </xdr:cNvSpPr>
      </xdr:nvSpPr>
      <xdr:spPr bwMode="auto">
        <a:xfrm>
          <a:off x="342900" y="293217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8</xdr:row>
      <xdr:rowOff>0</xdr:rowOff>
    </xdr:from>
    <xdr:ext cx="47626" cy="47625"/>
    <xdr:sp macro="" textlink="">
      <xdr:nvSpPr>
        <xdr:cNvPr id="186" name="Text Box 80"/>
        <xdr:cNvSpPr txBox="1">
          <a:spLocks noChangeArrowheads="1"/>
        </xdr:cNvSpPr>
      </xdr:nvSpPr>
      <xdr:spPr bwMode="auto">
        <a:xfrm>
          <a:off x="3657600" y="29321760"/>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8</xdr:row>
      <xdr:rowOff>0</xdr:rowOff>
    </xdr:from>
    <xdr:ext cx="47625" cy="47625"/>
    <xdr:sp macro="" textlink="">
      <xdr:nvSpPr>
        <xdr:cNvPr id="187" name="Text Box 117"/>
        <xdr:cNvSpPr txBox="1">
          <a:spLocks noChangeArrowheads="1"/>
        </xdr:cNvSpPr>
      </xdr:nvSpPr>
      <xdr:spPr bwMode="auto">
        <a:xfrm>
          <a:off x="3543300" y="2932176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8</xdr:row>
      <xdr:rowOff>0</xdr:rowOff>
    </xdr:from>
    <xdr:ext cx="33337" cy="47625"/>
    <xdr:sp macro="" textlink="">
      <xdr:nvSpPr>
        <xdr:cNvPr id="188" name="Text Box 118"/>
        <xdr:cNvSpPr txBox="1">
          <a:spLocks noChangeArrowheads="1"/>
        </xdr:cNvSpPr>
      </xdr:nvSpPr>
      <xdr:spPr bwMode="auto">
        <a:xfrm>
          <a:off x="3471862" y="293217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8</xdr:row>
      <xdr:rowOff>0</xdr:rowOff>
    </xdr:from>
    <xdr:ext cx="47625" cy="38100"/>
    <xdr:sp macro="" textlink="">
      <xdr:nvSpPr>
        <xdr:cNvPr id="189" name="Text Box 22"/>
        <xdr:cNvSpPr txBox="1">
          <a:spLocks noChangeArrowheads="1"/>
        </xdr:cNvSpPr>
      </xdr:nvSpPr>
      <xdr:spPr bwMode="auto">
        <a:xfrm>
          <a:off x="3314700" y="2932176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8</xdr:row>
      <xdr:rowOff>0</xdr:rowOff>
    </xdr:from>
    <xdr:ext cx="57150" cy="38100"/>
    <xdr:sp macro="" textlink="">
      <xdr:nvSpPr>
        <xdr:cNvPr id="190" name="Text Box 22"/>
        <xdr:cNvSpPr txBox="1">
          <a:spLocks noChangeArrowheads="1"/>
        </xdr:cNvSpPr>
      </xdr:nvSpPr>
      <xdr:spPr bwMode="auto">
        <a:xfrm>
          <a:off x="20574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8</xdr:row>
      <xdr:rowOff>0</xdr:rowOff>
    </xdr:from>
    <xdr:ext cx="57150" cy="38100"/>
    <xdr:sp macro="" textlink="">
      <xdr:nvSpPr>
        <xdr:cNvPr id="191" name="Text Box 22"/>
        <xdr:cNvSpPr txBox="1">
          <a:spLocks noChangeArrowheads="1"/>
        </xdr:cNvSpPr>
      </xdr:nvSpPr>
      <xdr:spPr bwMode="auto">
        <a:xfrm>
          <a:off x="35433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8</xdr:row>
      <xdr:rowOff>0</xdr:rowOff>
    </xdr:from>
    <xdr:ext cx="57150" cy="38100"/>
    <xdr:sp macro="" textlink="">
      <xdr:nvSpPr>
        <xdr:cNvPr id="192" name="Text Box 22"/>
        <xdr:cNvSpPr txBox="1">
          <a:spLocks noChangeArrowheads="1"/>
        </xdr:cNvSpPr>
      </xdr:nvSpPr>
      <xdr:spPr bwMode="auto">
        <a:xfrm>
          <a:off x="51435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8</xdr:row>
      <xdr:rowOff>0</xdr:rowOff>
    </xdr:from>
    <xdr:ext cx="57150" cy="38100"/>
    <xdr:sp macro="" textlink="">
      <xdr:nvSpPr>
        <xdr:cNvPr id="193" name="Text Box 22"/>
        <xdr:cNvSpPr txBox="1">
          <a:spLocks noChangeArrowheads="1"/>
        </xdr:cNvSpPr>
      </xdr:nvSpPr>
      <xdr:spPr bwMode="auto">
        <a:xfrm>
          <a:off x="56007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8</xdr:row>
      <xdr:rowOff>0</xdr:rowOff>
    </xdr:from>
    <xdr:ext cx="42862" cy="28575"/>
    <xdr:sp macro="" textlink="">
      <xdr:nvSpPr>
        <xdr:cNvPr id="194" name="Text Box 23"/>
        <xdr:cNvSpPr txBox="1">
          <a:spLocks noChangeArrowheads="1"/>
        </xdr:cNvSpPr>
      </xdr:nvSpPr>
      <xdr:spPr bwMode="auto">
        <a:xfrm>
          <a:off x="5257800" y="293217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8</xdr:row>
      <xdr:rowOff>0</xdr:rowOff>
    </xdr:from>
    <xdr:ext cx="42863" cy="38100"/>
    <xdr:sp macro="" textlink="">
      <xdr:nvSpPr>
        <xdr:cNvPr id="195" name="Text Box 22"/>
        <xdr:cNvSpPr txBox="1">
          <a:spLocks noChangeArrowheads="1"/>
        </xdr:cNvSpPr>
      </xdr:nvSpPr>
      <xdr:spPr bwMode="auto">
        <a:xfrm>
          <a:off x="5257800" y="29321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8</xdr:row>
      <xdr:rowOff>0</xdr:rowOff>
    </xdr:from>
    <xdr:ext cx="42862" cy="28575"/>
    <xdr:sp macro="" textlink="">
      <xdr:nvSpPr>
        <xdr:cNvPr id="196" name="Text Box 23"/>
        <xdr:cNvSpPr txBox="1">
          <a:spLocks noChangeArrowheads="1"/>
        </xdr:cNvSpPr>
      </xdr:nvSpPr>
      <xdr:spPr bwMode="auto">
        <a:xfrm>
          <a:off x="5257800" y="293217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8</xdr:row>
      <xdr:rowOff>0</xdr:rowOff>
    </xdr:from>
    <xdr:ext cx="57150" cy="38100"/>
    <xdr:sp macro="" textlink="">
      <xdr:nvSpPr>
        <xdr:cNvPr id="197" name="Text Box 22"/>
        <xdr:cNvSpPr txBox="1">
          <a:spLocks noChangeArrowheads="1"/>
        </xdr:cNvSpPr>
      </xdr:nvSpPr>
      <xdr:spPr bwMode="auto">
        <a:xfrm>
          <a:off x="4229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8</xdr:row>
      <xdr:rowOff>0</xdr:rowOff>
    </xdr:from>
    <xdr:ext cx="57150" cy="38100"/>
    <xdr:sp macro="" textlink="">
      <xdr:nvSpPr>
        <xdr:cNvPr id="198" name="Text Box 22"/>
        <xdr:cNvSpPr txBox="1">
          <a:spLocks noChangeArrowheads="1"/>
        </xdr:cNvSpPr>
      </xdr:nvSpPr>
      <xdr:spPr bwMode="auto">
        <a:xfrm>
          <a:off x="5372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8</xdr:row>
      <xdr:rowOff>0</xdr:rowOff>
    </xdr:from>
    <xdr:ext cx="57150" cy="38100"/>
    <xdr:sp macro="" textlink="">
      <xdr:nvSpPr>
        <xdr:cNvPr id="199" name="Text Box 22"/>
        <xdr:cNvSpPr txBox="1">
          <a:spLocks noChangeArrowheads="1"/>
        </xdr:cNvSpPr>
      </xdr:nvSpPr>
      <xdr:spPr bwMode="auto">
        <a:xfrm>
          <a:off x="68580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8</xdr:row>
      <xdr:rowOff>0</xdr:rowOff>
    </xdr:from>
    <xdr:ext cx="57150" cy="38100"/>
    <xdr:sp macro="" textlink="">
      <xdr:nvSpPr>
        <xdr:cNvPr id="200" name="Text Box 22"/>
        <xdr:cNvSpPr txBox="1">
          <a:spLocks noChangeArrowheads="1"/>
        </xdr:cNvSpPr>
      </xdr:nvSpPr>
      <xdr:spPr bwMode="auto">
        <a:xfrm>
          <a:off x="59436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8</xdr:row>
      <xdr:rowOff>0</xdr:rowOff>
    </xdr:from>
    <xdr:ext cx="57150" cy="38100"/>
    <xdr:sp macro="" textlink="">
      <xdr:nvSpPr>
        <xdr:cNvPr id="201" name="Text Box 22"/>
        <xdr:cNvSpPr txBox="1">
          <a:spLocks noChangeArrowheads="1"/>
        </xdr:cNvSpPr>
      </xdr:nvSpPr>
      <xdr:spPr bwMode="auto">
        <a:xfrm>
          <a:off x="29718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8</xdr:row>
      <xdr:rowOff>0</xdr:rowOff>
    </xdr:from>
    <xdr:ext cx="42863" cy="38100"/>
    <xdr:sp macro="" textlink="">
      <xdr:nvSpPr>
        <xdr:cNvPr id="202" name="Text Box 22"/>
        <xdr:cNvSpPr txBox="1">
          <a:spLocks noChangeArrowheads="1"/>
        </xdr:cNvSpPr>
      </xdr:nvSpPr>
      <xdr:spPr bwMode="auto">
        <a:xfrm>
          <a:off x="5143500" y="29321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8</xdr:row>
      <xdr:rowOff>0</xdr:rowOff>
    </xdr:from>
    <xdr:ext cx="57150" cy="38100"/>
    <xdr:sp macro="" textlink="">
      <xdr:nvSpPr>
        <xdr:cNvPr id="203" name="Text Box 22"/>
        <xdr:cNvSpPr txBox="1">
          <a:spLocks noChangeArrowheads="1"/>
        </xdr:cNvSpPr>
      </xdr:nvSpPr>
      <xdr:spPr bwMode="auto">
        <a:xfrm>
          <a:off x="38862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8</xdr:row>
      <xdr:rowOff>0</xdr:rowOff>
    </xdr:from>
    <xdr:ext cx="57150" cy="38100"/>
    <xdr:sp macro="" textlink="">
      <xdr:nvSpPr>
        <xdr:cNvPr id="204" name="Text Box 22"/>
        <xdr:cNvSpPr txBox="1">
          <a:spLocks noChangeArrowheads="1"/>
        </xdr:cNvSpPr>
      </xdr:nvSpPr>
      <xdr:spPr bwMode="auto">
        <a:xfrm>
          <a:off x="48006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8</xdr:row>
      <xdr:rowOff>0</xdr:rowOff>
    </xdr:from>
    <xdr:ext cx="42863" cy="47625"/>
    <xdr:sp macro="" textlink="">
      <xdr:nvSpPr>
        <xdr:cNvPr id="205" name="Text Box 80"/>
        <xdr:cNvSpPr txBox="1">
          <a:spLocks noChangeArrowheads="1"/>
        </xdr:cNvSpPr>
      </xdr:nvSpPr>
      <xdr:spPr bwMode="auto">
        <a:xfrm>
          <a:off x="54864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8</xdr:row>
      <xdr:rowOff>0</xdr:rowOff>
    </xdr:from>
    <xdr:ext cx="42863" cy="47625"/>
    <xdr:sp macro="" textlink="">
      <xdr:nvSpPr>
        <xdr:cNvPr id="206" name="Text Box 117"/>
        <xdr:cNvSpPr txBox="1">
          <a:spLocks noChangeArrowheads="1"/>
        </xdr:cNvSpPr>
      </xdr:nvSpPr>
      <xdr:spPr bwMode="auto">
        <a:xfrm>
          <a:off x="53721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8</xdr:row>
      <xdr:rowOff>0</xdr:rowOff>
    </xdr:from>
    <xdr:ext cx="57150" cy="38100"/>
    <xdr:sp macro="" textlink="">
      <xdr:nvSpPr>
        <xdr:cNvPr id="207" name="Text Box 22"/>
        <xdr:cNvSpPr txBox="1">
          <a:spLocks noChangeArrowheads="1"/>
        </xdr:cNvSpPr>
      </xdr:nvSpPr>
      <xdr:spPr bwMode="auto">
        <a:xfrm>
          <a:off x="5372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8</xdr:row>
      <xdr:rowOff>0</xdr:rowOff>
    </xdr:from>
    <xdr:ext cx="57150" cy="38100"/>
    <xdr:sp macro="" textlink="">
      <xdr:nvSpPr>
        <xdr:cNvPr id="208" name="Text Box 22"/>
        <xdr:cNvSpPr txBox="1">
          <a:spLocks noChangeArrowheads="1"/>
        </xdr:cNvSpPr>
      </xdr:nvSpPr>
      <xdr:spPr bwMode="auto">
        <a:xfrm>
          <a:off x="60579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8</xdr:row>
      <xdr:rowOff>0</xdr:rowOff>
    </xdr:from>
    <xdr:ext cx="57150" cy="38100"/>
    <xdr:sp macro="" textlink="">
      <xdr:nvSpPr>
        <xdr:cNvPr id="209" name="Text Box 22"/>
        <xdr:cNvSpPr txBox="1">
          <a:spLocks noChangeArrowheads="1"/>
        </xdr:cNvSpPr>
      </xdr:nvSpPr>
      <xdr:spPr bwMode="auto">
        <a:xfrm>
          <a:off x="57150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8</xdr:row>
      <xdr:rowOff>0</xdr:rowOff>
    </xdr:from>
    <xdr:ext cx="42863" cy="47625"/>
    <xdr:sp macro="" textlink="">
      <xdr:nvSpPr>
        <xdr:cNvPr id="210" name="Text Box 80"/>
        <xdr:cNvSpPr txBox="1">
          <a:spLocks noChangeArrowheads="1"/>
        </xdr:cNvSpPr>
      </xdr:nvSpPr>
      <xdr:spPr bwMode="auto">
        <a:xfrm>
          <a:off x="54864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8</xdr:row>
      <xdr:rowOff>0</xdr:rowOff>
    </xdr:from>
    <xdr:ext cx="42863" cy="47625"/>
    <xdr:sp macro="" textlink="">
      <xdr:nvSpPr>
        <xdr:cNvPr id="211" name="Text Box 117"/>
        <xdr:cNvSpPr txBox="1">
          <a:spLocks noChangeArrowheads="1"/>
        </xdr:cNvSpPr>
      </xdr:nvSpPr>
      <xdr:spPr bwMode="auto">
        <a:xfrm>
          <a:off x="5372100" y="29321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8</xdr:row>
      <xdr:rowOff>0</xdr:rowOff>
    </xdr:from>
    <xdr:ext cx="57150" cy="38100"/>
    <xdr:sp macro="" textlink="">
      <xdr:nvSpPr>
        <xdr:cNvPr id="212" name="Text Box 22"/>
        <xdr:cNvSpPr txBox="1">
          <a:spLocks noChangeArrowheads="1"/>
        </xdr:cNvSpPr>
      </xdr:nvSpPr>
      <xdr:spPr bwMode="auto">
        <a:xfrm>
          <a:off x="53721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8</xdr:row>
      <xdr:rowOff>0</xdr:rowOff>
    </xdr:from>
    <xdr:ext cx="57150" cy="38100"/>
    <xdr:sp macro="" textlink="">
      <xdr:nvSpPr>
        <xdr:cNvPr id="213" name="Text Box 22"/>
        <xdr:cNvSpPr txBox="1">
          <a:spLocks noChangeArrowheads="1"/>
        </xdr:cNvSpPr>
      </xdr:nvSpPr>
      <xdr:spPr bwMode="auto">
        <a:xfrm>
          <a:off x="60579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8</xdr:row>
      <xdr:rowOff>0</xdr:rowOff>
    </xdr:from>
    <xdr:ext cx="42863" cy="38100"/>
    <xdr:sp macro="" textlink="">
      <xdr:nvSpPr>
        <xdr:cNvPr id="214" name="Text Box 22"/>
        <xdr:cNvSpPr txBox="1">
          <a:spLocks noChangeArrowheads="1"/>
        </xdr:cNvSpPr>
      </xdr:nvSpPr>
      <xdr:spPr bwMode="auto">
        <a:xfrm>
          <a:off x="6972300" y="29321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8</xdr:row>
      <xdr:rowOff>0</xdr:rowOff>
    </xdr:from>
    <xdr:ext cx="57150" cy="38100"/>
    <xdr:sp macro="" textlink="">
      <xdr:nvSpPr>
        <xdr:cNvPr id="215" name="Text Box 22"/>
        <xdr:cNvSpPr txBox="1">
          <a:spLocks noChangeArrowheads="1"/>
        </xdr:cNvSpPr>
      </xdr:nvSpPr>
      <xdr:spPr bwMode="auto">
        <a:xfrm>
          <a:off x="57150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8</xdr:row>
      <xdr:rowOff>0</xdr:rowOff>
    </xdr:from>
    <xdr:ext cx="57150" cy="38100"/>
    <xdr:sp macro="" textlink="">
      <xdr:nvSpPr>
        <xdr:cNvPr id="216" name="Text Box 22"/>
        <xdr:cNvSpPr txBox="1">
          <a:spLocks noChangeArrowheads="1"/>
        </xdr:cNvSpPr>
      </xdr:nvSpPr>
      <xdr:spPr bwMode="auto">
        <a:xfrm>
          <a:off x="6629400" y="29321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09</xdr:row>
      <xdr:rowOff>0</xdr:rowOff>
    </xdr:from>
    <xdr:ext cx="61912" cy="38100"/>
    <xdr:sp macro="" textlink="">
      <xdr:nvSpPr>
        <xdr:cNvPr id="217" name="Text Box 80"/>
        <xdr:cNvSpPr txBox="1">
          <a:spLocks noChangeArrowheads="1"/>
        </xdr:cNvSpPr>
      </xdr:nvSpPr>
      <xdr:spPr bwMode="auto">
        <a:xfrm>
          <a:off x="2514600" y="295351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10</xdr:row>
      <xdr:rowOff>0</xdr:rowOff>
    </xdr:from>
    <xdr:ext cx="61912" cy="38100"/>
    <xdr:sp macro="" textlink="">
      <xdr:nvSpPr>
        <xdr:cNvPr id="218" name="Text Box 80"/>
        <xdr:cNvSpPr txBox="1">
          <a:spLocks noChangeArrowheads="1"/>
        </xdr:cNvSpPr>
      </xdr:nvSpPr>
      <xdr:spPr bwMode="auto">
        <a:xfrm>
          <a:off x="342900" y="298551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09</xdr:row>
      <xdr:rowOff>0</xdr:rowOff>
    </xdr:from>
    <xdr:ext cx="61912" cy="38100"/>
    <xdr:sp macro="" textlink="">
      <xdr:nvSpPr>
        <xdr:cNvPr id="219" name="Text Box 80"/>
        <xdr:cNvSpPr txBox="1">
          <a:spLocks noChangeArrowheads="1"/>
        </xdr:cNvSpPr>
      </xdr:nvSpPr>
      <xdr:spPr bwMode="auto">
        <a:xfrm>
          <a:off x="2514600" y="295351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10</xdr:row>
      <xdr:rowOff>0</xdr:rowOff>
    </xdr:from>
    <xdr:ext cx="61912" cy="38100"/>
    <xdr:sp macro="" textlink="">
      <xdr:nvSpPr>
        <xdr:cNvPr id="220" name="Text Box 80"/>
        <xdr:cNvSpPr txBox="1">
          <a:spLocks noChangeArrowheads="1"/>
        </xdr:cNvSpPr>
      </xdr:nvSpPr>
      <xdr:spPr bwMode="auto">
        <a:xfrm>
          <a:off x="342900" y="298551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307</xdr:row>
      <xdr:rowOff>0</xdr:rowOff>
    </xdr:from>
    <xdr:ext cx="57150" cy="38100"/>
    <xdr:sp macro="" textlink="">
      <xdr:nvSpPr>
        <xdr:cNvPr id="221" name="Text Box 22"/>
        <xdr:cNvSpPr txBox="1">
          <a:spLocks noChangeArrowheads="1"/>
        </xdr:cNvSpPr>
      </xdr:nvSpPr>
      <xdr:spPr bwMode="auto">
        <a:xfrm>
          <a:off x="20574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307</xdr:row>
      <xdr:rowOff>0</xdr:rowOff>
    </xdr:from>
    <xdr:ext cx="57150" cy="38100"/>
    <xdr:sp macro="" textlink="">
      <xdr:nvSpPr>
        <xdr:cNvPr id="222" name="Text Box 22"/>
        <xdr:cNvSpPr txBox="1">
          <a:spLocks noChangeArrowheads="1"/>
        </xdr:cNvSpPr>
      </xdr:nvSpPr>
      <xdr:spPr bwMode="auto">
        <a:xfrm>
          <a:off x="2057400" y="76200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4</xdr:col>
      <xdr:colOff>43962</xdr:colOff>
      <xdr:row>232</xdr:row>
      <xdr:rowOff>229332</xdr:rowOff>
    </xdr:from>
    <xdr:to>
      <xdr:col>5</xdr:col>
      <xdr:colOff>85725</xdr:colOff>
      <xdr:row>233</xdr:row>
      <xdr:rowOff>79834</xdr:rowOff>
    </xdr:to>
    <xdr:sp macro="" textlink="">
      <xdr:nvSpPr>
        <xdr:cNvPr id="223" name="円/楕円 222"/>
        <xdr:cNvSpPr/>
      </xdr:nvSpPr>
      <xdr:spPr bwMode="auto">
        <a:xfrm>
          <a:off x="501162" y="58743312"/>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1</xdr:col>
      <xdr:colOff>114300</xdr:colOff>
      <xdr:row>111</xdr:row>
      <xdr:rowOff>0</xdr:rowOff>
    </xdr:from>
    <xdr:ext cx="42863" cy="47625"/>
    <xdr:sp macro="" textlink="">
      <xdr:nvSpPr>
        <xdr:cNvPr id="224" name="Text Box 80"/>
        <xdr:cNvSpPr txBox="1">
          <a:spLocks noChangeArrowheads="1"/>
        </xdr:cNvSpPr>
      </xdr:nvSpPr>
      <xdr:spPr bwMode="auto">
        <a:xfrm>
          <a:off x="3657600" y="30426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1</xdr:row>
      <xdr:rowOff>0</xdr:rowOff>
    </xdr:from>
    <xdr:ext cx="42863" cy="47625"/>
    <xdr:sp macro="" textlink="">
      <xdr:nvSpPr>
        <xdr:cNvPr id="225" name="Text Box 117"/>
        <xdr:cNvSpPr txBox="1">
          <a:spLocks noChangeArrowheads="1"/>
        </xdr:cNvSpPr>
      </xdr:nvSpPr>
      <xdr:spPr bwMode="auto">
        <a:xfrm>
          <a:off x="3543300" y="30426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11</xdr:row>
      <xdr:rowOff>0</xdr:rowOff>
    </xdr:from>
    <xdr:ext cx="33337" cy="47625"/>
    <xdr:sp macro="" textlink="">
      <xdr:nvSpPr>
        <xdr:cNvPr id="226" name="Text Box 118"/>
        <xdr:cNvSpPr txBox="1">
          <a:spLocks noChangeArrowheads="1"/>
        </xdr:cNvSpPr>
      </xdr:nvSpPr>
      <xdr:spPr bwMode="auto">
        <a:xfrm>
          <a:off x="3471862" y="304266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1</xdr:row>
      <xdr:rowOff>0</xdr:rowOff>
    </xdr:from>
    <xdr:ext cx="42863" cy="38100"/>
    <xdr:sp macro="" textlink="">
      <xdr:nvSpPr>
        <xdr:cNvPr id="227" name="Text Box 22"/>
        <xdr:cNvSpPr txBox="1">
          <a:spLocks noChangeArrowheads="1"/>
        </xdr:cNvSpPr>
      </xdr:nvSpPr>
      <xdr:spPr bwMode="auto">
        <a:xfrm>
          <a:off x="3314700" y="30426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1</xdr:row>
      <xdr:rowOff>0</xdr:rowOff>
    </xdr:from>
    <xdr:ext cx="57150" cy="38100"/>
    <xdr:sp macro="" textlink="">
      <xdr:nvSpPr>
        <xdr:cNvPr id="228" name="Text Box 22"/>
        <xdr:cNvSpPr txBox="1">
          <a:spLocks noChangeArrowheads="1"/>
        </xdr:cNvSpPr>
      </xdr:nvSpPr>
      <xdr:spPr bwMode="auto">
        <a:xfrm>
          <a:off x="20574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1</xdr:row>
      <xdr:rowOff>0</xdr:rowOff>
    </xdr:from>
    <xdr:ext cx="57150" cy="38100"/>
    <xdr:sp macro="" textlink="">
      <xdr:nvSpPr>
        <xdr:cNvPr id="229" name="Text Box 22"/>
        <xdr:cNvSpPr txBox="1">
          <a:spLocks noChangeArrowheads="1"/>
        </xdr:cNvSpPr>
      </xdr:nvSpPr>
      <xdr:spPr bwMode="auto">
        <a:xfrm>
          <a:off x="35433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1</xdr:row>
      <xdr:rowOff>0</xdr:rowOff>
    </xdr:from>
    <xdr:ext cx="57150" cy="38100"/>
    <xdr:sp macro="" textlink="">
      <xdr:nvSpPr>
        <xdr:cNvPr id="230" name="Text Box 22"/>
        <xdr:cNvSpPr txBox="1">
          <a:spLocks noChangeArrowheads="1"/>
        </xdr:cNvSpPr>
      </xdr:nvSpPr>
      <xdr:spPr bwMode="auto">
        <a:xfrm>
          <a:off x="51435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1</xdr:row>
      <xdr:rowOff>0</xdr:rowOff>
    </xdr:from>
    <xdr:ext cx="57150" cy="38100"/>
    <xdr:sp macro="" textlink="">
      <xdr:nvSpPr>
        <xdr:cNvPr id="231" name="Text Box 22"/>
        <xdr:cNvSpPr txBox="1">
          <a:spLocks noChangeArrowheads="1"/>
        </xdr:cNvSpPr>
      </xdr:nvSpPr>
      <xdr:spPr bwMode="auto">
        <a:xfrm>
          <a:off x="56007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11</xdr:row>
      <xdr:rowOff>0</xdr:rowOff>
    </xdr:from>
    <xdr:ext cx="61912" cy="38100"/>
    <xdr:sp macro="" textlink="">
      <xdr:nvSpPr>
        <xdr:cNvPr id="232" name="Text Box 80"/>
        <xdr:cNvSpPr txBox="1">
          <a:spLocks noChangeArrowheads="1"/>
        </xdr:cNvSpPr>
      </xdr:nvSpPr>
      <xdr:spPr bwMode="auto">
        <a:xfrm>
          <a:off x="4914900" y="304266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1</xdr:row>
      <xdr:rowOff>0</xdr:rowOff>
    </xdr:from>
    <xdr:ext cx="42862" cy="28575"/>
    <xdr:sp macro="" textlink="">
      <xdr:nvSpPr>
        <xdr:cNvPr id="233" name="Text Box 23"/>
        <xdr:cNvSpPr txBox="1">
          <a:spLocks noChangeArrowheads="1"/>
        </xdr:cNvSpPr>
      </xdr:nvSpPr>
      <xdr:spPr bwMode="auto">
        <a:xfrm>
          <a:off x="5257800" y="30426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1</xdr:row>
      <xdr:rowOff>0</xdr:rowOff>
    </xdr:from>
    <xdr:ext cx="42863" cy="38100"/>
    <xdr:sp macro="" textlink="">
      <xdr:nvSpPr>
        <xdr:cNvPr id="234" name="Text Box 22"/>
        <xdr:cNvSpPr txBox="1">
          <a:spLocks noChangeArrowheads="1"/>
        </xdr:cNvSpPr>
      </xdr:nvSpPr>
      <xdr:spPr bwMode="auto">
        <a:xfrm>
          <a:off x="5257800" y="30426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1</xdr:row>
      <xdr:rowOff>0</xdr:rowOff>
    </xdr:from>
    <xdr:ext cx="42862" cy="28575"/>
    <xdr:sp macro="" textlink="">
      <xdr:nvSpPr>
        <xdr:cNvPr id="235" name="Text Box 23"/>
        <xdr:cNvSpPr txBox="1">
          <a:spLocks noChangeArrowheads="1"/>
        </xdr:cNvSpPr>
      </xdr:nvSpPr>
      <xdr:spPr bwMode="auto">
        <a:xfrm>
          <a:off x="5257800" y="30426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1</xdr:row>
      <xdr:rowOff>0</xdr:rowOff>
    </xdr:from>
    <xdr:ext cx="57150" cy="38100"/>
    <xdr:sp macro="" textlink="">
      <xdr:nvSpPr>
        <xdr:cNvPr id="236" name="Text Box 22"/>
        <xdr:cNvSpPr txBox="1">
          <a:spLocks noChangeArrowheads="1"/>
        </xdr:cNvSpPr>
      </xdr:nvSpPr>
      <xdr:spPr bwMode="auto">
        <a:xfrm>
          <a:off x="42291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1</xdr:row>
      <xdr:rowOff>0</xdr:rowOff>
    </xdr:from>
    <xdr:ext cx="42863" cy="47625"/>
    <xdr:sp macro="" textlink="">
      <xdr:nvSpPr>
        <xdr:cNvPr id="237" name="Text Box 80"/>
        <xdr:cNvSpPr txBox="1">
          <a:spLocks noChangeArrowheads="1"/>
        </xdr:cNvSpPr>
      </xdr:nvSpPr>
      <xdr:spPr bwMode="auto">
        <a:xfrm>
          <a:off x="5486400" y="30426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1</xdr:row>
      <xdr:rowOff>0</xdr:rowOff>
    </xdr:from>
    <xdr:ext cx="57150" cy="38100"/>
    <xdr:sp macro="" textlink="">
      <xdr:nvSpPr>
        <xdr:cNvPr id="238" name="Text Box 22"/>
        <xdr:cNvSpPr txBox="1">
          <a:spLocks noChangeArrowheads="1"/>
        </xdr:cNvSpPr>
      </xdr:nvSpPr>
      <xdr:spPr bwMode="auto">
        <a:xfrm>
          <a:off x="53721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1</xdr:row>
      <xdr:rowOff>0</xdr:rowOff>
    </xdr:from>
    <xdr:ext cx="57150" cy="38100"/>
    <xdr:sp macro="" textlink="">
      <xdr:nvSpPr>
        <xdr:cNvPr id="239" name="Text Box 22"/>
        <xdr:cNvSpPr txBox="1">
          <a:spLocks noChangeArrowheads="1"/>
        </xdr:cNvSpPr>
      </xdr:nvSpPr>
      <xdr:spPr bwMode="auto">
        <a:xfrm>
          <a:off x="68580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1</xdr:row>
      <xdr:rowOff>0</xdr:rowOff>
    </xdr:from>
    <xdr:ext cx="57150" cy="38100"/>
    <xdr:sp macro="" textlink="">
      <xdr:nvSpPr>
        <xdr:cNvPr id="240" name="Text Box 22"/>
        <xdr:cNvSpPr txBox="1">
          <a:spLocks noChangeArrowheads="1"/>
        </xdr:cNvSpPr>
      </xdr:nvSpPr>
      <xdr:spPr bwMode="auto">
        <a:xfrm>
          <a:off x="59436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1</xdr:row>
      <xdr:rowOff>0</xdr:rowOff>
    </xdr:from>
    <xdr:ext cx="57150" cy="38100"/>
    <xdr:sp macro="" textlink="">
      <xdr:nvSpPr>
        <xdr:cNvPr id="241" name="Text Box 22"/>
        <xdr:cNvSpPr txBox="1">
          <a:spLocks noChangeArrowheads="1"/>
        </xdr:cNvSpPr>
      </xdr:nvSpPr>
      <xdr:spPr bwMode="auto">
        <a:xfrm>
          <a:off x="29718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1</xdr:row>
      <xdr:rowOff>0</xdr:rowOff>
    </xdr:from>
    <xdr:ext cx="42863" cy="38100"/>
    <xdr:sp macro="" textlink="">
      <xdr:nvSpPr>
        <xdr:cNvPr id="242" name="Text Box 22"/>
        <xdr:cNvSpPr txBox="1">
          <a:spLocks noChangeArrowheads="1"/>
        </xdr:cNvSpPr>
      </xdr:nvSpPr>
      <xdr:spPr bwMode="auto">
        <a:xfrm>
          <a:off x="5143500" y="30426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11</xdr:row>
      <xdr:rowOff>0</xdr:rowOff>
    </xdr:from>
    <xdr:ext cx="57150" cy="38100"/>
    <xdr:sp macro="" textlink="">
      <xdr:nvSpPr>
        <xdr:cNvPr id="243" name="Text Box 22"/>
        <xdr:cNvSpPr txBox="1">
          <a:spLocks noChangeArrowheads="1"/>
        </xdr:cNvSpPr>
      </xdr:nvSpPr>
      <xdr:spPr bwMode="auto">
        <a:xfrm>
          <a:off x="38862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1</xdr:row>
      <xdr:rowOff>0</xdr:rowOff>
    </xdr:from>
    <xdr:ext cx="57150" cy="38100"/>
    <xdr:sp macro="" textlink="">
      <xdr:nvSpPr>
        <xdr:cNvPr id="244" name="Text Box 22"/>
        <xdr:cNvSpPr txBox="1">
          <a:spLocks noChangeArrowheads="1"/>
        </xdr:cNvSpPr>
      </xdr:nvSpPr>
      <xdr:spPr bwMode="auto">
        <a:xfrm>
          <a:off x="48006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1</xdr:row>
      <xdr:rowOff>0</xdr:rowOff>
    </xdr:from>
    <xdr:ext cx="42863" cy="47625"/>
    <xdr:sp macro="" textlink="">
      <xdr:nvSpPr>
        <xdr:cNvPr id="245" name="Text Box 80"/>
        <xdr:cNvSpPr txBox="1">
          <a:spLocks noChangeArrowheads="1"/>
        </xdr:cNvSpPr>
      </xdr:nvSpPr>
      <xdr:spPr bwMode="auto">
        <a:xfrm>
          <a:off x="5486400" y="30426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1</xdr:row>
      <xdr:rowOff>0</xdr:rowOff>
    </xdr:from>
    <xdr:ext cx="42863" cy="47625"/>
    <xdr:sp macro="" textlink="">
      <xdr:nvSpPr>
        <xdr:cNvPr id="246" name="Text Box 117"/>
        <xdr:cNvSpPr txBox="1">
          <a:spLocks noChangeArrowheads="1"/>
        </xdr:cNvSpPr>
      </xdr:nvSpPr>
      <xdr:spPr bwMode="auto">
        <a:xfrm>
          <a:off x="5372100" y="30426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1</xdr:row>
      <xdr:rowOff>0</xdr:rowOff>
    </xdr:from>
    <xdr:ext cx="57150" cy="38100"/>
    <xdr:sp macro="" textlink="">
      <xdr:nvSpPr>
        <xdr:cNvPr id="247" name="Text Box 22"/>
        <xdr:cNvSpPr txBox="1">
          <a:spLocks noChangeArrowheads="1"/>
        </xdr:cNvSpPr>
      </xdr:nvSpPr>
      <xdr:spPr bwMode="auto">
        <a:xfrm>
          <a:off x="53721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1</xdr:row>
      <xdr:rowOff>0</xdr:rowOff>
    </xdr:from>
    <xdr:ext cx="57150" cy="38100"/>
    <xdr:sp macro="" textlink="">
      <xdr:nvSpPr>
        <xdr:cNvPr id="248" name="Text Box 22"/>
        <xdr:cNvSpPr txBox="1">
          <a:spLocks noChangeArrowheads="1"/>
        </xdr:cNvSpPr>
      </xdr:nvSpPr>
      <xdr:spPr bwMode="auto">
        <a:xfrm>
          <a:off x="60579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1</xdr:row>
      <xdr:rowOff>0</xdr:rowOff>
    </xdr:from>
    <xdr:ext cx="57150" cy="38100"/>
    <xdr:sp macro="" textlink="">
      <xdr:nvSpPr>
        <xdr:cNvPr id="249" name="Text Box 22"/>
        <xdr:cNvSpPr txBox="1">
          <a:spLocks noChangeArrowheads="1"/>
        </xdr:cNvSpPr>
      </xdr:nvSpPr>
      <xdr:spPr bwMode="auto">
        <a:xfrm>
          <a:off x="57150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1</xdr:row>
      <xdr:rowOff>0</xdr:rowOff>
    </xdr:from>
    <xdr:ext cx="42863" cy="47625"/>
    <xdr:sp macro="" textlink="">
      <xdr:nvSpPr>
        <xdr:cNvPr id="250" name="Text Box 80"/>
        <xdr:cNvSpPr txBox="1">
          <a:spLocks noChangeArrowheads="1"/>
        </xdr:cNvSpPr>
      </xdr:nvSpPr>
      <xdr:spPr bwMode="auto">
        <a:xfrm>
          <a:off x="5486400" y="30426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1</xdr:row>
      <xdr:rowOff>0</xdr:rowOff>
    </xdr:from>
    <xdr:ext cx="42863" cy="47625"/>
    <xdr:sp macro="" textlink="">
      <xdr:nvSpPr>
        <xdr:cNvPr id="251" name="Text Box 117"/>
        <xdr:cNvSpPr txBox="1">
          <a:spLocks noChangeArrowheads="1"/>
        </xdr:cNvSpPr>
      </xdr:nvSpPr>
      <xdr:spPr bwMode="auto">
        <a:xfrm>
          <a:off x="5372100" y="30426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1</xdr:row>
      <xdr:rowOff>0</xdr:rowOff>
    </xdr:from>
    <xdr:ext cx="57150" cy="38100"/>
    <xdr:sp macro="" textlink="">
      <xdr:nvSpPr>
        <xdr:cNvPr id="252" name="Text Box 22"/>
        <xdr:cNvSpPr txBox="1">
          <a:spLocks noChangeArrowheads="1"/>
        </xdr:cNvSpPr>
      </xdr:nvSpPr>
      <xdr:spPr bwMode="auto">
        <a:xfrm>
          <a:off x="53721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1</xdr:row>
      <xdr:rowOff>0</xdr:rowOff>
    </xdr:from>
    <xdr:ext cx="57150" cy="38100"/>
    <xdr:sp macro="" textlink="">
      <xdr:nvSpPr>
        <xdr:cNvPr id="253" name="Text Box 22"/>
        <xdr:cNvSpPr txBox="1">
          <a:spLocks noChangeArrowheads="1"/>
        </xdr:cNvSpPr>
      </xdr:nvSpPr>
      <xdr:spPr bwMode="auto">
        <a:xfrm>
          <a:off x="60579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11</xdr:row>
      <xdr:rowOff>0</xdr:rowOff>
    </xdr:from>
    <xdr:ext cx="42863" cy="38100"/>
    <xdr:sp macro="" textlink="">
      <xdr:nvSpPr>
        <xdr:cNvPr id="254" name="Text Box 22"/>
        <xdr:cNvSpPr txBox="1">
          <a:spLocks noChangeArrowheads="1"/>
        </xdr:cNvSpPr>
      </xdr:nvSpPr>
      <xdr:spPr bwMode="auto">
        <a:xfrm>
          <a:off x="6972300" y="30426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1</xdr:row>
      <xdr:rowOff>0</xdr:rowOff>
    </xdr:from>
    <xdr:ext cx="57150" cy="38100"/>
    <xdr:sp macro="" textlink="">
      <xdr:nvSpPr>
        <xdr:cNvPr id="255" name="Text Box 22"/>
        <xdr:cNvSpPr txBox="1">
          <a:spLocks noChangeArrowheads="1"/>
        </xdr:cNvSpPr>
      </xdr:nvSpPr>
      <xdr:spPr bwMode="auto">
        <a:xfrm>
          <a:off x="57150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1</xdr:row>
      <xdr:rowOff>0</xdr:rowOff>
    </xdr:from>
    <xdr:ext cx="57150" cy="38100"/>
    <xdr:sp macro="" textlink="">
      <xdr:nvSpPr>
        <xdr:cNvPr id="256" name="Text Box 22"/>
        <xdr:cNvSpPr txBox="1">
          <a:spLocks noChangeArrowheads="1"/>
        </xdr:cNvSpPr>
      </xdr:nvSpPr>
      <xdr:spPr bwMode="auto">
        <a:xfrm>
          <a:off x="66294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96</xdr:row>
      <xdr:rowOff>130969</xdr:rowOff>
    </xdr:from>
    <xdr:to>
      <xdr:col>32</xdr:col>
      <xdr:colOff>38101</xdr:colOff>
      <xdr:row>96</xdr:row>
      <xdr:rowOff>178594</xdr:rowOff>
    </xdr:to>
    <xdr:sp macro="" textlink="">
      <xdr:nvSpPr>
        <xdr:cNvPr id="257" name="Text Box 80"/>
        <xdr:cNvSpPr txBox="1">
          <a:spLocks noChangeArrowheads="1"/>
        </xdr:cNvSpPr>
      </xdr:nvSpPr>
      <xdr:spPr bwMode="auto">
        <a:xfrm>
          <a:off x="3657600" y="26541889"/>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96</xdr:row>
      <xdr:rowOff>0</xdr:rowOff>
    </xdr:from>
    <xdr:to>
      <xdr:col>31</xdr:col>
      <xdr:colOff>38100</xdr:colOff>
      <xdr:row>96</xdr:row>
      <xdr:rowOff>47625</xdr:rowOff>
    </xdr:to>
    <xdr:sp macro="" textlink="">
      <xdr:nvSpPr>
        <xdr:cNvPr id="258" name="Text Box 117"/>
        <xdr:cNvSpPr txBox="1">
          <a:spLocks noChangeArrowheads="1"/>
        </xdr:cNvSpPr>
      </xdr:nvSpPr>
      <xdr:spPr bwMode="auto">
        <a:xfrm>
          <a:off x="3543300" y="2641092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00</xdr:row>
      <xdr:rowOff>23813</xdr:rowOff>
    </xdr:from>
    <xdr:to>
      <xdr:col>30</xdr:col>
      <xdr:colOff>76199</xdr:colOff>
      <xdr:row>100</xdr:row>
      <xdr:rowOff>71438</xdr:rowOff>
    </xdr:to>
    <xdr:sp macro="" textlink="">
      <xdr:nvSpPr>
        <xdr:cNvPr id="259" name="Text Box 118"/>
        <xdr:cNvSpPr txBox="1">
          <a:spLocks noChangeArrowheads="1"/>
        </xdr:cNvSpPr>
      </xdr:nvSpPr>
      <xdr:spPr bwMode="auto">
        <a:xfrm>
          <a:off x="3471862" y="2744057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96</xdr:row>
      <xdr:rowOff>0</xdr:rowOff>
    </xdr:from>
    <xdr:to>
      <xdr:col>29</xdr:col>
      <xdr:colOff>38100</xdr:colOff>
      <xdr:row>96</xdr:row>
      <xdr:rowOff>38100</xdr:rowOff>
    </xdr:to>
    <xdr:sp macro="" textlink="">
      <xdr:nvSpPr>
        <xdr:cNvPr id="260" name="Text Box 22"/>
        <xdr:cNvSpPr txBox="1">
          <a:spLocks noChangeArrowheads="1"/>
        </xdr:cNvSpPr>
      </xdr:nvSpPr>
      <xdr:spPr bwMode="auto">
        <a:xfrm>
          <a:off x="3314700" y="2641092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96</xdr:row>
      <xdr:rowOff>0</xdr:rowOff>
    </xdr:from>
    <xdr:to>
      <xdr:col>18</xdr:col>
      <xdr:colOff>57150</xdr:colOff>
      <xdr:row>96</xdr:row>
      <xdr:rowOff>38100</xdr:rowOff>
    </xdr:to>
    <xdr:sp macro="" textlink="">
      <xdr:nvSpPr>
        <xdr:cNvPr id="261" name="Text Box 22"/>
        <xdr:cNvSpPr txBox="1">
          <a:spLocks noChangeArrowheads="1"/>
        </xdr:cNvSpPr>
      </xdr:nvSpPr>
      <xdr:spPr bwMode="auto">
        <a:xfrm>
          <a:off x="20574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96</xdr:row>
      <xdr:rowOff>0</xdr:rowOff>
    </xdr:from>
    <xdr:to>
      <xdr:col>31</xdr:col>
      <xdr:colOff>57150</xdr:colOff>
      <xdr:row>96</xdr:row>
      <xdr:rowOff>38100</xdr:rowOff>
    </xdr:to>
    <xdr:sp macro="" textlink="">
      <xdr:nvSpPr>
        <xdr:cNvPr id="262" name="Text Box 22"/>
        <xdr:cNvSpPr txBox="1">
          <a:spLocks noChangeArrowheads="1"/>
        </xdr:cNvSpPr>
      </xdr:nvSpPr>
      <xdr:spPr bwMode="auto">
        <a:xfrm>
          <a:off x="35433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96</xdr:row>
      <xdr:rowOff>0</xdr:rowOff>
    </xdr:from>
    <xdr:to>
      <xdr:col>45</xdr:col>
      <xdr:colOff>57150</xdr:colOff>
      <xdr:row>96</xdr:row>
      <xdr:rowOff>38100</xdr:rowOff>
    </xdr:to>
    <xdr:sp macro="" textlink="">
      <xdr:nvSpPr>
        <xdr:cNvPr id="263" name="Text Box 22"/>
        <xdr:cNvSpPr txBox="1">
          <a:spLocks noChangeArrowheads="1"/>
        </xdr:cNvSpPr>
      </xdr:nvSpPr>
      <xdr:spPr bwMode="auto">
        <a:xfrm>
          <a:off x="51435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96</xdr:row>
      <xdr:rowOff>0</xdr:rowOff>
    </xdr:from>
    <xdr:to>
      <xdr:col>49</xdr:col>
      <xdr:colOff>57150</xdr:colOff>
      <xdr:row>96</xdr:row>
      <xdr:rowOff>38100</xdr:rowOff>
    </xdr:to>
    <xdr:sp macro="" textlink="">
      <xdr:nvSpPr>
        <xdr:cNvPr id="264" name="Text Box 22"/>
        <xdr:cNvSpPr txBox="1">
          <a:spLocks noChangeArrowheads="1"/>
        </xdr:cNvSpPr>
      </xdr:nvSpPr>
      <xdr:spPr bwMode="auto">
        <a:xfrm>
          <a:off x="56007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2</xdr:col>
      <xdr:colOff>114300</xdr:colOff>
      <xdr:row>91</xdr:row>
      <xdr:rowOff>0</xdr:rowOff>
    </xdr:from>
    <xdr:ext cx="61912" cy="38100"/>
    <xdr:sp macro="" textlink="">
      <xdr:nvSpPr>
        <xdr:cNvPr id="265" name="Text Box 80"/>
        <xdr:cNvSpPr txBox="1">
          <a:spLocks noChangeArrowheads="1"/>
        </xdr:cNvSpPr>
      </xdr:nvSpPr>
      <xdr:spPr bwMode="auto">
        <a:xfrm>
          <a:off x="4914900" y="251917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6</xdr:row>
      <xdr:rowOff>0</xdr:rowOff>
    </xdr:from>
    <xdr:ext cx="42862" cy="28575"/>
    <xdr:sp macro="" textlink="">
      <xdr:nvSpPr>
        <xdr:cNvPr id="266" name="Text Box 23"/>
        <xdr:cNvSpPr txBox="1">
          <a:spLocks noChangeArrowheads="1"/>
        </xdr:cNvSpPr>
      </xdr:nvSpPr>
      <xdr:spPr bwMode="auto">
        <a:xfrm>
          <a:off x="5257800" y="264109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6</xdr:row>
      <xdr:rowOff>0</xdr:rowOff>
    </xdr:from>
    <xdr:ext cx="42863" cy="38100"/>
    <xdr:sp macro="" textlink="">
      <xdr:nvSpPr>
        <xdr:cNvPr id="267" name="Text Box 22"/>
        <xdr:cNvSpPr txBox="1">
          <a:spLocks noChangeArrowheads="1"/>
        </xdr:cNvSpPr>
      </xdr:nvSpPr>
      <xdr:spPr bwMode="auto">
        <a:xfrm>
          <a:off x="5257800" y="264109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6</xdr:row>
      <xdr:rowOff>0</xdr:rowOff>
    </xdr:from>
    <xdr:ext cx="42862" cy="28575"/>
    <xdr:sp macro="" textlink="">
      <xdr:nvSpPr>
        <xdr:cNvPr id="268" name="Text Box 23"/>
        <xdr:cNvSpPr txBox="1">
          <a:spLocks noChangeArrowheads="1"/>
        </xdr:cNvSpPr>
      </xdr:nvSpPr>
      <xdr:spPr bwMode="auto">
        <a:xfrm>
          <a:off x="5257800" y="264109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6</xdr:row>
      <xdr:rowOff>0</xdr:rowOff>
    </xdr:from>
    <xdr:ext cx="57150" cy="38100"/>
    <xdr:sp macro="" textlink="">
      <xdr:nvSpPr>
        <xdr:cNvPr id="269" name="Text Box 22"/>
        <xdr:cNvSpPr txBox="1">
          <a:spLocks noChangeArrowheads="1"/>
        </xdr:cNvSpPr>
      </xdr:nvSpPr>
      <xdr:spPr bwMode="auto">
        <a:xfrm>
          <a:off x="42291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6</xdr:row>
      <xdr:rowOff>0</xdr:rowOff>
    </xdr:from>
    <xdr:ext cx="57150" cy="38100"/>
    <xdr:sp macro="" textlink="">
      <xdr:nvSpPr>
        <xdr:cNvPr id="270" name="Text Box 22"/>
        <xdr:cNvSpPr txBox="1">
          <a:spLocks noChangeArrowheads="1"/>
        </xdr:cNvSpPr>
      </xdr:nvSpPr>
      <xdr:spPr bwMode="auto">
        <a:xfrm>
          <a:off x="53721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96</xdr:row>
      <xdr:rowOff>0</xdr:rowOff>
    </xdr:from>
    <xdr:ext cx="57150" cy="38100"/>
    <xdr:sp macro="" textlink="">
      <xdr:nvSpPr>
        <xdr:cNvPr id="271" name="Text Box 22"/>
        <xdr:cNvSpPr txBox="1">
          <a:spLocks noChangeArrowheads="1"/>
        </xdr:cNvSpPr>
      </xdr:nvSpPr>
      <xdr:spPr bwMode="auto">
        <a:xfrm>
          <a:off x="68580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6</xdr:row>
      <xdr:rowOff>0</xdr:rowOff>
    </xdr:from>
    <xdr:ext cx="57150" cy="38100"/>
    <xdr:sp macro="" textlink="">
      <xdr:nvSpPr>
        <xdr:cNvPr id="272" name="Text Box 22"/>
        <xdr:cNvSpPr txBox="1">
          <a:spLocks noChangeArrowheads="1"/>
        </xdr:cNvSpPr>
      </xdr:nvSpPr>
      <xdr:spPr bwMode="auto">
        <a:xfrm>
          <a:off x="59436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96</xdr:row>
      <xdr:rowOff>0</xdr:rowOff>
    </xdr:from>
    <xdr:ext cx="57150" cy="38100"/>
    <xdr:sp macro="" textlink="">
      <xdr:nvSpPr>
        <xdr:cNvPr id="273" name="Text Box 22"/>
        <xdr:cNvSpPr txBox="1">
          <a:spLocks noChangeArrowheads="1"/>
        </xdr:cNvSpPr>
      </xdr:nvSpPr>
      <xdr:spPr bwMode="auto">
        <a:xfrm>
          <a:off x="29718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6</xdr:row>
      <xdr:rowOff>0</xdr:rowOff>
    </xdr:from>
    <xdr:ext cx="42863" cy="38100"/>
    <xdr:sp macro="" textlink="">
      <xdr:nvSpPr>
        <xdr:cNvPr id="274" name="Text Box 22"/>
        <xdr:cNvSpPr txBox="1">
          <a:spLocks noChangeArrowheads="1"/>
        </xdr:cNvSpPr>
      </xdr:nvSpPr>
      <xdr:spPr bwMode="auto">
        <a:xfrm>
          <a:off x="5143500" y="264109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6</xdr:row>
      <xdr:rowOff>0</xdr:rowOff>
    </xdr:from>
    <xdr:ext cx="57150" cy="38100"/>
    <xdr:sp macro="" textlink="">
      <xdr:nvSpPr>
        <xdr:cNvPr id="275" name="Text Box 22"/>
        <xdr:cNvSpPr txBox="1">
          <a:spLocks noChangeArrowheads="1"/>
        </xdr:cNvSpPr>
      </xdr:nvSpPr>
      <xdr:spPr bwMode="auto">
        <a:xfrm>
          <a:off x="38862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6</xdr:row>
      <xdr:rowOff>0</xdr:rowOff>
    </xdr:from>
    <xdr:ext cx="57150" cy="38100"/>
    <xdr:sp macro="" textlink="">
      <xdr:nvSpPr>
        <xdr:cNvPr id="276" name="Text Box 22"/>
        <xdr:cNvSpPr txBox="1">
          <a:spLocks noChangeArrowheads="1"/>
        </xdr:cNvSpPr>
      </xdr:nvSpPr>
      <xdr:spPr bwMode="auto">
        <a:xfrm>
          <a:off x="48006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6</xdr:row>
      <xdr:rowOff>130969</xdr:rowOff>
    </xdr:from>
    <xdr:ext cx="42863" cy="47625"/>
    <xdr:sp macro="" textlink="">
      <xdr:nvSpPr>
        <xdr:cNvPr id="277" name="Text Box 80"/>
        <xdr:cNvSpPr txBox="1">
          <a:spLocks noChangeArrowheads="1"/>
        </xdr:cNvSpPr>
      </xdr:nvSpPr>
      <xdr:spPr bwMode="auto">
        <a:xfrm>
          <a:off x="5486400" y="265418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6</xdr:row>
      <xdr:rowOff>0</xdr:rowOff>
    </xdr:from>
    <xdr:ext cx="42863" cy="47625"/>
    <xdr:sp macro="" textlink="">
      <xdr:nvSpPr>
        <xdr:cNvPr id="278" name="Text Box 117"/>
        <xdr:cNvSpPr txBox="1">
          <a:spLocks noChangeArrowheads="1"/>
        </xdr:cNvSpPr>
      </xdr:nvSpPr>
      <xdr:spPr bwMode="auto">
        <a:xfrm>
          <a:off x="5372100" y="264109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6</xdr:row>
      <xdr:rowOff>0</xdr:rowOff>
    </xdr:from>
    <xdr:ext cx="57150" cy="38100"/>
    <xdr:sp macro="" textlink="">
      <xdr:nvSpPr>
        <xdr:cNvPr id="279" name="Text Box 22"/>
        <xdr:cNvSpPr txBox="1">
          <a:spLocks noChangeArrowheads="1"/>
        </xdr:cNvSpPr>
      </xdr:nvSpPr>
      <xdr:spPr bwMode="auto">
        <a:xfrm>
          <a:off x="53721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6</xdr:row>
      <xdr:rowOff>0</xdr:rowOff>
    </xdr:from>
    <xdr:ext cx="57150" cy="38100"/>
    <xdr:sp macro="" textlink="">
      <xdr:nvSpPr>
        <xdr:cNvPr id="280" name="Text Box 22"/>
        <xdr:cNvSpPr txBox="1">
          <a:spLocks noChangeArrowheads="1"/>
        </xdr:cNvSpPr>
      </xdr:nvSpPr>
      <xdr:spPr bwMode="auto">
        <a:xfrm>
          <a:off x="60579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6</xdr:row>
      <xdr:rowOff>0</xdr:rowOff>
    </xdr:from>
    <xdr:ext cx="57150" cy="38100"/>
    <xdr:sp macro="" textlink="">
      <xdr:nvSpPr>
        <xdr:cNvPr id="281" name="Text Box 22"/>
        <xdr:cNvSpPr txBox="1">
          <a:spLocks noChangeArrowheads="1"/>
        </xdr:cNvSpPr>
      </xdr:nvSpPr>
      <xdr:spPr bwMode="auto">
        <a:xfrm>
          <a:off x="57150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6</xdr:row>
      <xdr:rowOff>130969</xdr:rowOff>
    </xdr:from>
    <xdr:ext cx="42863" cy="47625"/>
    <xdr:sp macro="" textlink="">
      <xdr:nvSpPr>
        <xdr:cNvPr id="282" name="Text Box 80"/>
        <xdr:cNvSpPr txBox="1">
          <a:spLocks noChangeArrowheads="1"/>
        </xdr:cNvSpPr>
      </xdr:nvSpPr>
      <xdr:spPr bwMode="auto">
        <a:xfrm>
          <a:off x="5486400" y="265418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6</xdr:row>
      <xdr:rowOff>0</xdr:rowOff>
    </xdr:from>
    <xdr:ext cx="42863" cy="47625"/>
    <xdr:sp macro="" textlink="">
      <xdr:nvSpPr>
        <xdr:cNvPr id="283" name="Text Box 117"/>
        <xdr:cNvSpPr txBox="1">
          <a:spLocks noChangeArrowheads="1"/>
        </xdr:cNvSpPr>
      </xdr:nvSpPr>
      <xdr:spPr bwMode="auto">
        <a:xfrm>
          <a:off x="5372100" y="264109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6</xdr:row>
      <xdr:rowOff>0</xdr:rowOff>
    </xdr:from>
    <xdr:ext cx="57150" cy="38100"/>
    <xdr:sp macro="" textlink="">
      <xdr:nvSpPr>
        <xdr:cNvPr id="284" name="Text Box 22"/>
        <xdr:cNvSpPr txBox="1">
          <a:spLocks noChangeArrowheads="1"/>
        </xdr:cNvSpPr>
      </xdr:nvSpPr>
      <xdr:spPr bwMode="auto">
        <a:xfrm>
          <a:off x="53721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6</xdr:row>
      <xdr:rowOff>0</xdr:rowOff>
    </xdr:from>
    <xdr:ext cx="57150" cy="38100"/>
    <xdr:sp macro="" textlink="">
      <xdr:nvSpPr>
        <xdr:cNvPr id="285" name="Text Box 22"/>
        <xdr:cNvSpPr txBox="1">
          <a:spLocks noChangeArrowheads="1"/>
        </xdr:cNvSpPr>
      </xdr:nvSpPr>
      <xdr:spPr bwMode="auto">
        <a:xfrm>
          <a:off x="60579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96</xdr:row>
      <xdr:rowOff>0</xdr:rowOff>
    </xdr:from>
    <xdr:ext cx="42863" cy="38100"/>
    <xdr:sp macro="" textlink="">
      <xdr:nvSpPr>
        <xdr:cNvPr id="286" name="Text Box 22"/>
        <xdr:cNvSpPr txBox="1">
          <a:spLocks noChangeArrowheads="1"/>
        </xdr:cNvSpPr>
      </xdr:nvSpPr>
      <xdr:spPr bwMode="auto">
        <a:xfrm>
          <a:off x="6972300" y="264109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6</xdr:row>
      <xdr:rowOff>0</xdr:rowOff>
    </xdr:from>
    <xdr:ext cx="57150" cy="38100"/>
    <xdr:sp macro="" textlink="">
      <xdr:nvSpPr>
        <xdr:cNvPr id="287" name="Text Box 22"/>
        <xdr:cNvSpPr txBox="1">
          <a:spLocks noChangeArrowheads="1"/>
        </xdr:cNvSpPr>
      </xdr:nvSpPr>
      <xdr:spPr bwMode="auto">
        <a:xfrm>
          <a:off x="57150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6</xdr:row>
      <xdr:rowOff>0</xdr:rowOff>
    </xdr:from>
    <xdr:ext cx="57150" cy="38100"/>
    <xdr:sp macro="" textlink="">
      <xdr:nvSpPr>
        <xdr:cNvPr id="288" name="Text Box 22"/>
        <xdr:cNvSpPr txBox="1">
          <a:spLocks noChangeArrowheads="1"/>
        </xdr:cNvSpPr>
      </xdr:nvSpPr>
      <xdr:spPr bwMode="auto">
        <a:xfrm>
          <a:off x="6629400" y="264109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1</xdr:row>
      <xdr:rowOff>0</xdr:rowOff>
    </xdr:from>
    <xdr:ext cx="47626" cy="47625"/>
    <xdr:sp macro="" textlink="">
      <xdr:nvSpPr>
        <xdr:cNvPr id="289" name="Text Box 80"/>
        <xdr:cNvSpPr txBox="1">
          <a:spLocks noChangeArrowheads="1"/>
        </xdr:cNvSpPr>
      </xdr:nvSpPr>
      <xdr:spPr bwMode="auto">
        <a:xfrm>
          <a:off x="3657600" y="30426660"/>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1</xdr:row>
      <xdr:rowOff>0</xdr:rowOff>
    </xdr:from>
    <xdr:ext cx="47625" cy="47625"/>
    <xdr:sp macro="" textlink="">
      <xdr:nvSpPr>
        <xdr:cNvPr id="290" name="Text Box 117"/>
        <xdr:cNvSpPr txBox="1">
          <a:spLocks noChangeArrowheads="1"/>
        </xdr:cNvSpPr>
      </xdr:nvSpPr>
      <xdr:spPr bwMode="auto">
        <a:xfrm>
          <a:off x="3543300" y="3042666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71437</xdr:colOff>
      <xdr:row>111</xdr:row>
      <xdr:rowOff>0</xdr:rowOff>
    </xdr:from>
    <xdr:ext cx="33337" cy="47625"/>
    <xdr:sp macro="" textlink="">
      <xdr:nvSpPr>
        <xdr:cNvPr id="291" name="Text Box 118"/>
        <xdr:cNvSpPr txBox="1">
          <a:spLocks noChangeArrowheads="1"/>
        </xdr:cNvSpPr>
      </xdr:nvSpPr>
      <xdr:spPr bwMode="auto">
        <a:xfrm>
          <a:off x="5672137" y="304266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1</xdr:row>
      <xdr:rowOff>0</xdr:rowOff>
    </xdr:from>
    <xdr:ext cx="47625" cy="38100"/>
    <xdr:sp macro="" textlink="">
      <xdr:nvSpPr>
        <xdr:cNvPr id="292" name="Text Box 22"/>
        <xdr:cNvSpPr txBox="1">
          <a:spLocks noChangeArrowheads="1"/>
        </xdr:cNvSpPr>
      </xdr:nvSpPr>
      <xdr:spPr bwMode="auto">
        <a:xfrm>
          <a:off x="3314700" y="3042666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1</xdr:row>
      <xdr:rowOff>0</xdr:rowOff>
    </xdr:from>
    <xdr:ext cx="57150" cy="38100"/>
    <xdr:sp macro="" textlink="">
      <xdr:nvSpPr>
        <xdr:cNvPr id="293" name="Text Box 22"/>
        <xdr:cNvSpPr txBox="1">
          <a:spLocks noChangeArrowheads="1"/>
        </xdr:cNvSpPr>
      </xdr:nvSpPr>
      <xdr:spPr bwMode="auto">
        <a:xfrm>
          <a:off x="20574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1</xdr:row>
      <xdr:rowOff>0</xdr:rowOff>
    </xdr:from>
    <xdr:ext cx="57150" cy="38100"/>
    <xdr:sp macro="" textlink="">
      <xdr:nvSpPr>
        <xdr:cNvPr id="294" name="Text Box 22"/>
        <xdr:cNvSpPr txBox="1">
          <a:spLocks noChangeArrowheads="1"/>
        </xdr:cNvSpPr>
      </xdr:nvSpPr>
      <xdr:spPr bwMode="auto">
        <a:xfrm>
          <a:off x="35433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1</xdr:row>
      <xdr:rowOff>0</xdr:rowOff>
    </xdr:from>
    <xdr:ext cx="57150" cy="38100"/>
    <xdr:sp macro="" textlink="">
      <xdr:nvSpPr>
        <xdr:cNvPr id="295" name="Text Box 22"/>
        <xdr:cNvSpPr txBox="1">
          <a:spLocks noChangeArrowheads="1"/>
        </xdr:cNvSpPr>
      </xdr:nvSpPr>
      <xdr:spPr bwMode="auto">
        <a:xfrm>
          <a:off x="51435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1</xdr:row>
      <xdr:rowOff>0</xdr:rowOff>
    </xdr:from>
    <xdr:ext cx="57150" cy="38100"/>
    <xdr:sp macro="" textlink="">
      <xdr:nvSpPr>
        <xdr:cNvPr id="296" name="Text Box 22"/>
        <xdr:cNvSpPr txBox="1">
          <a:spLocks noChangeArrowheads="1"/>
        </xdr:cNvSpPr>
      </xdr:nvSpPr>
      <xdr:spPr bwMode="auto">
        <a:xfrm>
          <a:off x="56007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1</xdr:row>
      <xdr:rowOff>0</xdr:rowOff>
    </xdr:from>
    <xdr:ext cx="42862" cy="28575"/>
    <xdr:sp macro="" textlink="">
      <xdr:nvSpPr>
        <xdr:cNvPr id="297" name="Text Box 23"/>
        <xdr:cNvSpPr txBox="1">
          <a:spLocks noChangeArrowheads="1"/>
        </xdr:cNvSpPr>
      </xdr:nvSpPr>
      <xdr:spPr bwMode="auto">
        <a:xfrm>
          <a:off x="5257800" y="30426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1</xdr:row>
      <xdr:rowOff>0</xdr:rowOff>
    </xdr:from>
    <xdr:ext cx="42863" cy="38100"/>
    <xdr:sp macro="" textlink="">
      <xdr:nvSpPr>
        <xdr:cNvPr id="298" name="Text Box 22"/>
        <xdr:cNvSpPr txBox="1">
          <a:spLocks noChangeArrowheads="1"/>
        </xdr:cNvSpPr>
      </xdr:nvSpPr>
      <xdr:spPr bwMode="auto">
        <a:xfrm>
          <a:off x="5257800" y="30426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1</xdr:row>
      <xdr:rowOff>0</xdr:rowOff>
    </xdr:from>
    <xdr:ext cx="42862" cy="28575"/>
    <xdr:sp macro="" textlink="">
      <xdr:nvSpPr>
        <xdr:cNvPr id="299" name="Text Box 23"/>
        <xdr:cNvSpPr txBox="1">
          <a:spLocks noChangeArrowheads="1"/>
        </xdr:cNvSpPr>
      </xdr:nvSpPr>
      <xdr:spPr bwMode="auto">
        <a:xfrm>
          <a:off x="5257800" y="30426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1</xdr:row>
      <xdr:rowOff>0</xdr:rowOff>
    </xdr:from>
    <xdr:ext cx="57150" cy="38100"/>
    <xdr:sp macro="" textlink="">
      <xdr:nvSpPr>
        <xdr:cNvPr id="300" name="Text Box 22"/>
        <xdr:cNvSpPr txBox="1">
          <a:spLocks noChangeArrowheads="1"/>
        </xdr:cNvSpPr>
      </xdr:nvSpPr>
      <xdr:spPr bwMode="auto">
        <a:xfrm>
          <a:off x="42291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1</xdr:row>
      <xdr:rowOff>0</xdr:rowOff>
    </xdr:from>
    <xdr:ext cx="57150" cy="38100"/>
    <xdr:sp macro="" textlink="">
      <xdr:nvSpPr>
        <xdr:cNvPr id="301" name="Text Box 22"/>
        <xdr:cNvSpPr txBox="1">
          <a:spLocks noChangeArrowheads="1"/>
        </xdr:cNvSpPr>
      </xdr:nvSpPr>
      <xdr:spPr bwMode="auto">
        <a:xfrm>
          <a:off x="53721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1</xdr:row>
      <xdr:rowOff>0</xdr:rowOff>
    </xdr:from>
    <xdr:ext cx="57150" cy="38100"/>
    <xdr:sp macro="" textlink="">
      <xdr:nvSpPr>
        <xdr:cNvPr id="302" name="Text Box 22"/>
        <xdr:cNvSpPr txBox="1">
          <a:spLocks noChangeArrowheads="1"/>
        </xdr:cNvSpPr>
      </xdr:nvSpPr>
      <xdr:spPr bwMode="auto">
        <a:xfrm>
          <a:off x="68580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1</xdr:row>
      <xdr:rowOff>0</xdr:rowOff>
    </xdr:from>
    <xdr:ext cx="57150" cy="38100"/>
    <xdr:sp macro="" textlink="">
      <xdr:nvSpPr>
        <xdr:cNvPr id="303" name="Text Box 22"/>
        <xdr:cNvSpPr txBox="1">
          <a:spLocks noChangeArrowheads="1"/>
        </xdr:cNvSpPr>
      </xdr:nvSpPr>
      <xdr:spPr bwMode="auto">
        <a:xfrm>
          <a:off x="59436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1</xdr:row>
      <xdr:rowOff>0</xdr:rowOff>
    </xdr:from>
    <xdr:ext cx="57150" cy="38100"/>
    <xdr:sp macro="" textlink="">
      <xdr:nvSpPr>
        <xdr:cNvPr id="304" name="Text Box 22"/>
        <xdr:cNvSpPr txBox="1">
          <a:spLocks noChangeArrowheads="1"/>
        </xdr:cNvSpPr>
      </xdr:nvSpPr>
      <xdr:spPr bwMode="auto">
        <a:xfrm>
          <a:off x="29718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1</xdr:row>
      <xdr:rowOff>0</xdr:rowOff>
    </xdr:from>
    <xdr:ext cx="42863" cy="38100"/>
    <xdr:sp macro="" textlink="">
      <xdr:nvSpPr>
        <xdr:cNvPr id="305" name="Text Box 22"/>
        <xdr:cNvSpPr txBox="1">
          <a:spLocks noChangeArrowheads="1"/>
        </xdr:cNvSpPr>
      </xdr:nvSpPr>
      <xdr:spPr bwMode="auto">
        <a:xfrm>
          <a:off x="5143500" y="30426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11</xdr:row>
      <xdr:rowOff>0</xdr:rowOff>
    </xdr:from>
    <xdr:ext cx="57150" cy="38100"/>
    <xdr:sp macro="" textlink="">
      <xdr:nvSpPr>
        <xdr:cNvPr id="306" name="Text Box 22"/>
        <xdr:cNvSpPr txBox="1">
          <a:spLocks noChangeArrowheads="1"/>
        </xdr:cNvSpPr>
      </xdr:nvSpPr>
      <xdr:spPr bwMode="auto">
        <a:xfrm>
          <a:off x="38862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1</xdr:row>
      <xdr:rowOff>0</xdr:rowOff>
    </xdr:from>
    <xdr:ext cx="57150" cy="38100"/>
    <xdr:sp macro="" textlink="">
      <xdr:nvSpPr>
        <xdr:cNvPr id="307" name="Text Box 22"/>
        <xdr:cNvSpPr txBox="1">
          <a:spLocks noChangeArrowheads="1"/>
        </xdr:cNvSpPr>
      </xdr:nvSpPr>
      <xdr:spPr bwMode="auto">
        <a:xfrm>
          <a:off x="48006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1</xdr:row>
      <xdr:rowOff>0</xdr:rowOff>
    </xdr:from>
    <xdr:ext cx="42863" cy="47625"/>
    <xdr:sp macro="" textlink="">
      <xdr:nvSpPr>
        <xdr:cNvPr id="308" name="Text Box 80"/>
        <xdr:cNvSpPr txBox="1">
          <a:spLocks noChangeArrowheads="1"/>
        </xdr:cNvSpPr>
      </xdr:nvSpPr>
      <xdr:spPr bwMode="auto">
        <a:xfrm>
          <a:off x="5486400" y="30426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1</xdr:row>
      <xdr:rowOff>0</xdr:rowOff>
    </xdr:from>
    <xdr:ext cx="42863" cy="47625"/>
    <xdr:sp macro="" textlink="">
      <xdr:nvSpPr>
        <xdr:cNvPr id="309" name="Text Box 117"/>
        <xdr:cNvSpPr txBox="1">
          <a:spLocks noChangeArrowheads="1"/>
        </xdr:cNvSpPr>
      </xdr:nvSpPr>
      <xdr:spPr bwMode="auto">
        <a:xfrm>
          <a:off x="5372100" y="30426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1</xdr:row>
      <xdr:rowOff>0</xdr:rowOff>
    </xdr:from>
    <xdr:ext cx="57150" cy="38100"/>
    <xdr:sp macro="" textlink="">
      <xdr:nvSpPr>
        <xdr:cNvPr id="310" name="Text Box 22"/>
        <xdr:cNvSpPr txBox="1">
          <a:spLocks noChangeArrowheads="1"/>
        </xdr:cNvSpPr>
      </xdr:nvSpPr>
      <xdr:spPr bwMode="auto">
        <a:xfrm>
          <a:off x="53721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1</xdr:row>
      <xdr:rowOff>0</xdr:rowOff>
    </xdr:from>
    <xdr:ext cx="57150" cy="38100"/>
    <xdr:sp macro="" textlink="">
      <xdr:nvSpPr>
        <xdr:cNvPr id="311" name="Text Box 22"/>
        <xdr:cNvSpPr txBox="1">
          <a:spLocks noChangeArrowheads="1"/>
        </xdr:cNvSpPr>
      </xdr:nvSpPr>
      <xdr:spPr bwMode="auto">
        <a:xfrm>
          <a:off x="60579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1</xdr:row>
      <xdr:rowOff>0</xdr:rowOff>
    </xdr:from>
    <xdr:ext cx="57150" cy="38100"/>
    <xdr:sp macro="" textlink="">
      <xdr:nvSpPr>
        <xdr:cNvPr id="312" name="Text Box 22"/>
        <xdr:cNvSpPr txBox="1">
          <a:spLocks noChangeArrowheads="1"/>
        </xdr:cNvSpPr>
      </xdr:nvSpPr>
      <xdr:spPr bwMode="auto">
        <a:xfrm>
          <a:off x="57150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1</xdr:row>
      <xdr:rowOff>0</xdr:rowOff>
    </xdr:from>
    <xdr:ext cx="42863" cy="47625"/>
    <xdr:sp macro="" textlink="">
      <xdr:nvSpPr>
        <xdr:cNvPr id="313" name="Text Box 80"/>
        <xdr:cNvSpPr txBox="1">
          <a:spLocks noChangeArrowheads="1"/>
        </xdr:cNvSpPr>
      </xdr:nvSpPr>
      <xdr:spPr bwMode="auto">
        <a:xfrm>
          <a:off x="5486400" y="30426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1</xdr:row>
      <xdr:rowOff>0</xdr:rowOff>
    </xdr:from>
    <xdr:ext cx="42863" cy="47625"/>
    <xdr:sp macro="" textlink="">
      <xdr:nvSpPr>
        <xdr:cNvPr id="314" name="Text Box 117"/>
        <xdr:cNvSpPr txBox="1">
          <a:spLocks noChangeArrowheads="1"/>
        </xdr:cNvSpPr>
      </xdr:nvSpPr>
      <xdr:spPr bwMode="auto">
        <a:xfrm>
          <a:off x="5372100" y="30426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1</xdr:row>
      <xdr:rowOff>0</xdr:rowOff>
    </xdr:from>
    <xdr:ext cx="57150" cy="38100"/>
    <xdr:sp macro="" textlink="">
      <xdr:nvSpPr>
        <xdr:cNvPr id="315" name="Text Box 22"/>
        <xdr:cNvSpPr txBox="1">
          <a:spLocks noChangeArrowheads="1"/>
        </xdr:cNvSpPr>
      </xdr:nvSpPr>
      <xdr:spPr bwMode="auto">
        <a:xfrm>
          <a:off x="53721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1</xdr:row>
      <xdr:rowOff>0</xdr:rowOff>
    </xdr:from>
    <xdr:ext cx="57150" cy="38100"/>
    <xdr:sp macro="" textlink="">
      <xdr:nvSpPr>
        <xdr:cNvPr id="316" name="Text Box 22"/>
        <xdr:cNvSpPr txBox="1">
          <a:spLocks noChangeArrowheads="1"/>
        </xdr:cNvSpPr>
      </xdr:nvSpPr>
      <xdr:spPr bwMode="auto">
        <a:xfrm>
          <a:off x="60579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11</xdr:row>
      <xdr:rowOff>0</xdr:rowOff>
    </xdr:from>
    <xdr:ext cx="42863" cy="38100"/>
    <xdr:sp macro="" textlink="">
      <xdr:nvSpPr>
        <xdr:cNvPr id="317" name="Text Box 22"/>
        <xdr:cNvSpPr txBox="1">
          <a:spLocks noChangeArrowheads="1"/>
        </xdr:cNvSpPr>
      </xdr:nvSpPr>
      <xdr:spPr bwMode="auto">
        <a:xfrm>
          <a:off x="6972300" y="30426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1</xdr:row>
      <xdr:rowOff>0</xdr:rowOff>
    </xdr:from>
    <xdr:ext cx="57150" cy="38100"/>
    <xdr:sp macro="" textlink="">
      <xdr:nvSpPr>
        <xdr:cNvPr id="318" name="Text Box 22"/>
        <xdr:cNvSpPr txBox="1">
          <a:spLocks noChangeArrowheads="1"/>
        </xdr:cNvSpPr>
      </xdr:nvSpPr>
      <xdr:spPr bwMode="auto">
        <a:xfrm>
          <a:off x="57150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1</xdr:row>
      <xdr:rowOff>0</xdr:rowOff>
    </xdr:from>
    <xdr:ext cx="57150" cy="38100"/>
    <xdr:sp macro="" textlink="">
      <xdr:nvSpPr>
        <xdr:cNvPr id="319" name="Text Box 22"/>
        <xdr:cNvSpPr txBox="1">
          <a:spLocks noChangeArrowheads="1"/>
        </xdr:cNvSpPr>
      </xdr:nvSpPr>
      <xdr:spPr bwMode="auto">
        <a:xfrm>
          <a:off x="6629400" y="30426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11</xdr:row>
      <xdr:rowOff>0</xdr:rowOff>
    </xdr:from>
    <xdr:ext cx="33337" cy="47625"/>
    <xdr:sp macro="" textlink="">
      <xdr:nvSpPr>
        <xdr:cNvPr id="320" name="Text Box 118"/>
        <xdr:cNvSpPr txBox="1">
          <a:spLocks noChangeArrowheads="1"/>
        </xdr:cNvSpPr>
      </xdr:nvSpPr>
      <xdr:spPr bwMode="auto">
        <a:xfrm>
          <a:off x="3471862" y="304266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99</xdr:row>
      <xdr:rowOff>23813</xdr:rowOff>
    </xdr:from>
    <xdr:ext cx="33337" cy="47625"/>
    <xdr:sp macro="" textlink="">
      <xdr:nvSpPr>
        <xdr:cNvPr id="321" name="Text Box 118"/>
        <xdr:cNvSpPr txBox="1">
          <a:spLocks noChangeArrowheads="1"/>
        </xdr:cNvSpPr>
      </xdr:nvSpPr>
      <xdr:spPr bwMode="auto">
        <a:xfrm>
          <a:off x="3471862" y="271891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4</xdr:col>
      <xdr:colOff>57150</xdr:colOff>
      <xdr:row>234</xdr:row>
      <xdr:rowOff>76200</xdr:rowOff>
    </xdr:from>
    <xdr:to>
      <xdr:col>5</xdr:col>
      <xdr:colOff>98913</xdr:colOff>
      <xdr:row>234</xdr:row>
      <xdr:rowOff>231502</xdr:rowOff>
    </xdr:to>
    <xdr:sp macro="" textlink="">
      <xdr:nvSpPr>
        <xdr:cNvPr id="322" name="円/楕円 321"/>
        <xdr:cNvSpPr/>
      </xdr:nvSpPr>
      <xdr:spPr bwMode="auto">
        <a:xfrm>
          <a:off x="514350" y="59199780"/>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235</xdr:row>
      <xdr:rowOff>228600</xdr:rowOff>
    </xdr:from>
    <xdr:to>
      <xdr:col>5</xdr:col>
      <xdr:colOff>89388</xdr:colOff>
      <xdr:row>236</xdr:row>
      <xdr:rowOff>79102</xdr:rowOff>
    </xdr:to>
    <xdr:sp macro="" textlink="">
      <xdr:nvSpPr>
        <xdr:cNvPr id="323" name="円/楕円 322"/>
        <xdr:cNvSpPr/>
      </xdr:nvSpPr>
      <xdr:spPr bwMode="auto">
        <a:xfrm>
          <a:off x="504825" y="59656980"/>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237</xdr:row>
      <xdr:rowOff>76200</xdr:rowOff>
    </xdr:from>
    <xdr:to>
      <xdr:col>5</xdr:col>
      <xdr:colOff>89388</xdr:colOff>
      <xdr:row>237</xdr:row>
      <xdr:rowOff>231502</xdr:rowOff>
    </xdr:to>
    <xdr:sp macro="" textlink="">
      <xdr:nvSpPr>
        <xdr:cNvPr id="324" name="円/楕円 323"/>
        <xdr:cNvSpPr/>
      </xdr:nvSpPr>
      <xdr:spPr bwMode="auto">
        <a:xfrm>
          <a:off x="504825" y="60114180"/>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240</xdr:row>
      <xdr:rowOff>66675</xdr:rowOff>
    </xdr:from>
    <xdr:to>
      <xdr:col>5</xdr:col>
      <xdr:colOff>89388</xdr:colOff>
      <xdr:row>240</xdr:row>
      <xdr:rowOff>221977</xdr:rowOff>
    </xdr:to>
    <xdr:sp macro="" textlink="">
      <xdr:nvSpPr>
        <xdr:cNvPr id="325" name="円/楕円 324"/>
        <xdr:cNvSpPr/>
      </xdr:nvSpPr>
      <xdr:spPr bwMode="auto">
        <a:xfrm>
          <a:off x="504825" y="60577095"/>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57150</xdr:colOff>
      <xdr:row>241</xdr:row>
      <xdr:rowOff>219075</xdr:rowOff>
    </xdr:from>
    <xdr:to>
      <xdr:col>5</xdr:col>
      <xdr:colOff>98913</xdr:colOff>
      <xdr:row>242</xdr:row>
      <xdr:rowOff>69577</xdr:rowOff>
    </xdr:to>
    <xdr:sp macro="" textlink="">
      <xdr:nvSpPr>
        <xdr:cNvPr id="326" name="円/楕円 325"/>
        <xdr:cNvSpPr/>
      </xdr:nvSpPr>
      <xdr:spPr bwMode="auto">
        <a:xfrm>
          <a:off x="514350" y="61034295"/>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244</xdr:row>
      <xdr:rowOff>66675</xdr:rowOff>
    </xdr:from>
    <xdr:to>
      <xdr:col>5</xdr:col>
      <xdr:colOff>89388</xdr:colOff>
      <xdr:row>244</xdr:row>
      <xdr:rowOff>221977</xdr:rowOff>
    </xdr:to>
    <xdr:sp macro="" textlink="">
      <xdr:nvSpPr>
        <xdr:cNvPr id="327" name="円/楕円 326"/>
        <xdr:cNvSpPr/>
      </xdr:nvSpPr>
      <xdr:spPr bwMode="auto">
        <a:xfrm>
          <a:off x="504825" y="61796295"/>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57150</xdr:colOff>
      <xdr:row>246</xdr:row>
      <xdr:rowOff>38100</xdr:rowOff>
    </xdr:from>
    <xdr:to>
      <xdr:col>5</xdr:col>
      <xdr:colOff>98913</xdr:colOff>
      <xdr:row>246</xdr:row>
      <xdr:rowOff>193402</xdr:rowOff>
    </xdr:to>
    <xdr:sp macro="" textlink="">
      <xdr:nvSpPr>
        <xdr:cNvPr id="328" name="円/楕円 327"/>
        <xdr:cNvSpPr/>
      </xdr:nvSpPr>
      <xdr:spPr bwMode="auto">
        <a:xfrm>
          <a:off x="514350" y="62377320"/>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256</xdr:row>
      <xdr:rowOff>219075</xdr:rowOff>
    </xdr:from>
    <xdr:to>
      <xdr:col>5</xdr:col>
      <xdr:colOff>89388</xdr:colOff>
      <xdr:row>257</xdr:row>
      <xdr:rowOff>69577</xdr:rowOff>
    </xdr:to>
    <xdr:sp macro="" textlink="">
      <xdr:nvSpPr>
        <xdr:cNvPr id="329" name="円/楕円 328"/>
        <xdr:cNvSpPr/>
      </xdr:nvSpPr>
      <xdr:spPr bwMode="auto">
        <a:xfrm>
          <a:off x="504825" y="65072895"/>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57150</xdr:colOff>
      <xdr:row>259</xdr:row>
      <xdr:rowOff>57150</xdr:rowOff>
    </xdr:from>
    <xdr:to>
      <xdr:col>5</xdr:col>
      <xdr:colOff>98913</xdr:colOff>
      <xdr:row>259</xdr:row>
      <xdr:rowOff>212452</xdr:rowOff>
    </xdr:to>
    <xdr:sp macro="" textlink="">
      <xdr:nvSpPr>
        <xdr:cNvPr id="330" name="円/楕円 329"/>
        <xdr:cNvSpPr/>
      </xdr:nvSpPr>
      <xdr:spPr bwMode="auto">
        <a:xfrm>
          <a:off x="514350" y="65825370"/>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38100</xdr:colOff>
      <xdr:row>260</xdr:row>
      <xdr:rowOff>209550</xdr:rowOff>
    </xdr:from>
    <xdr:to>
      <xdr:col>5</xdr:col>
      <xdr:colOff>79863</xdr:colOff>
      <xdr:row>261</xdr:row>
      <xdr:rowOff>69577</xdr:rowOff>
    </xdr:to>
    <xdr:sp macro="" textlink="">
      <xdr:nvSpPr>
        <xdr:cNvPr id="331" name="円/楕円 330"/>
        <xdr:cNvSpPr/>
      </xdr:nvSpPr>
      <xdr:spPr bwMode="auto">
        <a:xfrm>
          <a:off x="495300" y="66267330"/>
          <a:ext cx="156063" cy="149587"/>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264</xdr:row>
      <xdr:rowOff>180975</xdr:rowOff>
    </xdr:from>
    <xdr:to>
      <xdr:col>5</xdr:col>
      <xdr:colOff>89388</xdr:colOff>
      <xdr:row>264</xdr:row>
      <xdr:rowOff>336277</xdr:rowOff>
    </xdr:to>
    <xdr:sp macro="" textlink="">
      <xdr:nvSpPr>
        <xdr:cNvPr id="332" name="円/楕円 331"/>
        <xdr:cNvSpPr/>
      </xdr:nvSpPr>
      <xdr:spPr bwMode="auto">
        <a:xfrm>
          <a:off x="504825" y="67396995"/>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38100</xdr:colOff>
      <xdr:row>347</xdr:row>
      <xdr:rowOff>266700</xdr:rowOff>
    </xdr:from>
    <xdr:to>
      <xdr:col>2</xdr:col>
      <xdr:colOff>79863</xdr:colOff>
      <xdr:row>347</xdr:row>
      <xdr:rowOff>422002</xdr:rowOff>
    </xdr:to>
    <xdr:sp macro="" textlink="">
      <xdr:nvSpPr>
        <xdr:cNvPr id="333" name="円/楕円 332"/>
        <xdr:cNvSpPr/>
      </xdr:nvSpPr>
      <xdr:spPr bwMode="auto">
        <a:xfrm>
          <a:off x="152400" y="98290380"/>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editAs="oneCell">
    <xdr:from>
      <xdr:col>36</xdr:col>
      <xdr:colOff>114300</xdr:colOff>
      <xdr:row>26</xdr:row>
      <xdr:rowOff>0</xdr:rowOff>
    </xdr:from>
    <xdr:to>
      <xdr:col>37</xdr:col>
      <xdr:colOff>104774</xdr:colOff>
      <xdr:row>26</xdr:row>
      <xdr:rowOff>19050</xdr:rowOff>
    </xdr:to>
    <xdr:sp macro="" textlink="">
      <xdr:nvSpPr>
        <xdr:cNvPr id="334" name="Text Box 80"/>
        <xdr:cNvSpPr txBox="1">
          <a:spLocks noChangeArrowheads="1"/>
        </xdr:cNvSpPr>
      </xdr:nvSpPr>
      <xdr:spPr bwMode="auto">
        <a:xfrm>
          <a:off x="4229100" y="8191500"/>
          <a:ext cx="104774"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21</xdr:col>
      <xdr:colOff>111801</xdr:colOff>
      <xdr:row>273</xdr:row>
      <xdr:rowOff>62345</xdr:rowOff>
    </xdr:from>
    <xdr:to>
      <xdr:col>23</xdr:col>
      <xdr:colOff>48171</xdr:colOff>
      <xdr:row>273</xdr:row>
      <xdr:rowOff>217647</xdr:rowOff>
    </xdr:to>
    <xdr:sp macro="" textlink="">
      <xdr:nvSpPr>
        <xdr:cNvPr id="335" name="円/楕円 334"/>
        <xdr:cNvSpPr/>
      </xdr:nvSpPr>
      <xdr:spPr bwMode="auto">
        <a:xfrm>
          <a:off x="2512101" y="74883125"/>
          <a:ext cx="164970"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1</xdr:col>
      <xdr:colOff>114300</xdr:colOff>
      <xdr:row>135</xdr:row>
      <xdr:rowOff>0</xdr:rowOff>
    </xdr:from>
    <xdr:ext cx="42863" cy="47625"/>
    <xdr:sp macro="" textlink="">
      <xdr:nvSpPr>
        <xdr:cNvPr id="339" name="Text Box 80"/>
        <xdr:cNvSpPr txBox="1">
          <a:spLocks noChangeArrowheads="1"/>
        </xdr:cNvSpPr>
      </xdr:nvSpPr>
      <xdr:spPr bwMode="auto">
        <a:xfrm>
          <a:off x="36576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35</xdr:row>
      <xdr:rowOff>0</xdr:rowOff>
    </xdr:from>
    <xdr:ext cx="42863" cy="47625"/>
    <xdr:sp macro="" textlink="">
      <xdr:nvSpPr>
        <xdr:cNvPr id="340" name="Text Box 117"/>
        <xdr:cNvSpPr txBox="1">
          <a:spLocks noChangeArrowheads="1"/>
        </xdr:cNvSpPr>
      </xdr:nvSpPr>
      <xdr:spPr bwMode="auto">
        <a:xfrm>
          <a:off x="35433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35</xdr:row>
      <xdr:rowOff>0</xdr:rowOff>
    </xdr:from>
    <xdr:ext cx="42863" cy="38100"/>
    <xdr:sp macro="" textlink="">
      <xdr:nvSpPr>
        <xdr:cNvPr id="341" name="Text Box 22"/>
        <xdr:cNvSpPr txBox="1">
          <a:spLocks noChangeArrowheads="1"/>
        </xdr:cNvSpPr>
      </xdr:nvSpPr>
      <xdr:spPr bwMode="auto">
        <a:xfrm>
          <a:off x="3314700" y="5651754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35</xdr:row>
      <xdr:rowOff>0</xdr:rowOff>
    </xdr:from>
    <xdr:ext cx="57150" cy="38100"/>
    <xdr:sp macro="" textlink="">
      <xdr:nvSpPr>
        <xdr:cNvPr id="342" name="Text Box 22"/>
        <xdr:cNvSpPr txBox="1">
          <a:spLocks noChangeArrowheads="1"/>
        </xdr:cNvSpPr>
      </xdr:nvSpPr>
      <xdr:spPr bwMode="auto">
        <a:xfrm>
          <a:off x="20574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35</xdr:row>
      <xdr:rowOff>0</xdr:rowOff>
    </xdr:from>
    <xdr:ext cx="57150" cy="38100"/>
    <xdr:sp macro="" textlink="">
      <xdr:nvSpPr>
        <xdr:cNvPr id="343" name="Text Box 22"/>
        <xdr:cNvSpPr txBox="1">
          <a:spLocks noChangeArrowheads="1"/>
        </xdr:cNvSpPr>
      </xdr:nvSpPr>
      <xdr:spPr bwMode="auto">
        <a:xfrm>
          <a:off x="35433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35</xdr:row>
      <xdr:rowOff>0</xdr:rowOff>
    </xdr:from>
    <xdr:ext cx="57150" cy="38100"/>
    <xdr:sp macro="" textlink="">
      <xdr:nvSpPr>
        <xdr:cNvPr id="344" name="Text Box 22"/>
        <xdr:cNvSpPr txBox="1">
          <a:spLocks noChangeArrowheads="1"/>
        </xdr:cNvSpPr>
      </xdr:nvSpPr>
      <xdr:spPr bwMode="auto">
        <a:xfrm>
          <a:off x="51435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35</xdr:row>
      <xdr:rowOff>0</xdr:rowOff>
    </xdr:from>
    <xdr:ext cx="57150" cy="38100"/>
    <xdr:sp macro="" textlink="">
      <xdr:nvSpPr>
        <xdr:cNvPr id="345" name="Text Box 22"/>
        <xdr:cNvSpPr txBox="1">
          <a:spLocks noChangeArrowheads="1"/>
        </xdr:cNvSpPr>
      </xdr:nvSpPr>
      <xdr:spPr bwMode="auto">
        <a:xfrm>
          <a:off x="56007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35</xdr:row>
      <xdr:rowOff>0</xdr:rowOff>
    </xdr:from>
    <xdr:ext cx="42862" cy="28575"/>
    <xdr:sp macro="" textlink="">
      <xdr:nvSpPr>
        <xdr:cNvPr id="346" name="Text Box 23"/>
        <xdr:cNvSpPr txBox="1">
          <a:spLocks noChangeArrowheads="1"/>
        </xdr:cNvSpPr>
      </xdr:nvSpPr>
      <xdr:spPr bwMode="auto">
        <a:xfrm>
          <a:off x="5257800" y="5651754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35</xdr:row>
      <xdr:rowOff>0</xdr:rowOff>
    </xdr:from>
    <xdr:ext cx="42863" cy="38100"/>
    <xdr:sp macro="" textlink="">
      <xdr:nvSpPr>
        <xdr:cNvPr id="347" name="Text Box 22"/>
        <xdr:cNvSpPr txBox="1">
          <a:spLocks noChangeArrowheads="1"/>
        </xdr:cNvSpPr>
      </xdr:nvSpPr>
      <xdr:spPr bwMode="auto">
        <a:xfrm>
          <a:off x="5257800" y="5651754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35</xdr:row>
      <xdr:rowOff>0</xdr:rowOff>
    </xdr:from>
    <xdr:ext cx="42862" cy="28575"/>
    <xdr:sp macro="" textlink="">
      <xdr:nvSpPr>
        <xdr:cNvPr id="348" name="Text Box 23"/>
        <xdr:cNvSpPr txBox="1">
          <a:spLocks noChangeArrowheads="1"/>
        </xdr:cNvSpPr>
      </xdr:nvSpPr>
      <xdr:spPr bwMode="auto">
        <a:xfrm>
          <a:off x="5257800" y="5651754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35</xdr:row>
      <xdr:rowOff>0</xdr:rowOff>
    </xdr:from>
    <xdr:ext cx="57150" cy="38100"/>
    <xdr:sp macro="" textlink="">
      <xdr:nvSpPr>
        <xdr:cNvPr id="349" name="Text Box 22"/>
        <xdr:cNvSpPr txBox="1">
          <a:spLocks noChangeArrowheads="1"/>
        </xdr:cNvSpPr>
      </xdr:nvSpPr>
      <xdr:spPr bwMode="auto">
        <a:xfrm>
          <a:off x="4229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35</xdr:row>
      <xdr:rowOff>0</xdr:rowOff>
    </xdr:from>
    <xdr:ext cx="42863" cy="47625"/>
    <xdr:sp macro="" textlink="">
      <xdr:nvSpPr>
        <xdr:cNvPr id="350" name="Text Box 80"/>
        <xdr:cNvSpPr txBox="1">
          <a:spLocks noChangeArrowheads="1"/>
        </xdr:cNvSpPr>
      </xdr:nvSpPr>
      <xdr:spPr bwMode="auto">
        <a:xfrm>
          <a:off x="54864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35</xdr:row>
      <xdr:rowOff>0</xdr:rowOff>
    </xdr:from>
    <xdr:ext cx="57150" cy="38100"/>
    <xdr:sp macro="" textlink="">
      <xdr:nvSpPr>
        <xdr:cNvPr id="351" name="Text Box 22"/>
        <xdr:cNvSpPr txBox="1">
          <a:spLocks noChangeArrowheads="1"/>
        </xdr:cNvSpPr>
      </xdr:nvSpPr>
      <xdr:spPr bwMode="auto">
        <a:xfrm>
          <a:off x="5372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35</xdr:row>
      <xdr:rowOff>0</xdr:rowOff>
    </xdr:from>
    <xdr:ext cx="57150" cy="38100"/>
    <xdr:sp macro="" textlink="">
      <xdr:nvSpPr>
        <xdr:cNvPr id="352" name="Text Box 22"/>
        <xdr:cNvSpPr txBox="1">
          <a:spLocks noChangeArrowheads="1"/>
        </xdr:cNvSpPr>
      </xdr:nvSpPr>
      <xdr:spPr bwMode="auto">
        <a:xfrm>
          <a:off x="68580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35</xdr:row>
      <xdr:rowOff>0</xdr:rowOff>
    </xdr:from>
    <xdr:ext cx="57150" cy="38100"/>
    <xdr:sp macro="" textlink="">
      <xdr:nvSpPr>
        <xdr:cNvPr id="353" name="Text Box 22"/>
        <xdr:cNvSpPr txBox="1">
          <a:spLocks noChangeArrowheads="1"/>
        </xdr:cNvSpPr>
      </xdr:nvSpPr>
      <xdr:spPr bwMode="auto">
        <a:xfrm>
          <a:off x="59436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35</xdr:row>
      <xdr:rowOff>0</xdr:rowOff>
    </xdr:from>
    <xdr:ext cx="57150" cy="38100"/>
    <xdr:sp macro="" textlink="">
      <xdr:nvSpPr>
        <xdr:cNvPr id="354" name="Text Box 22"/>
        <xdr:cNvSpPr txBox="1">
          <a:spLocks noChangeArrowheads="1"/>
        </xdr:cNvSpPr>
      </xdr:nvSpPr>
      <xdr:spPr bwMode="auto">
        <a:xfrm>
          <a:off x="29718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35</xdr:row>
      <xdr:rowOff>0</xdr:rowOff>
    </xdr:from>
    <xdr:ext cx="42863" cy="38100"/>
    <xdr:sp macro="" textlink="">
      <xdr:nvSpPr>
        <xdr:cNvPr id="355" name="Text Box 22"/>
        <xdr:cNvSpPr txBox="1">
          <a:spLocks noChangeArrowheads="1"/>
        </xdr:cNvSpPr>
      </xdr:nvSpPr>
      <xdr:spPr bwMode="auto">
        <a:xfrm>
          <a:off x="5143500" y="5651754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35</xdr:row>
      <xdr:rowOff>0</xdr:rowOff>
    </xdr:from>
    <xdr:ext cx="57150" cy="38100"/>
    <xdr:sp macro="" textlink="">
      <xdr:nvSpPr>
        <xdr:cNvPr id="356" name="Text Box 22"/>
        <xdr:cNvSpPr txBox="1">
          <a:spLocks noChangeArrowheads="1"/>
        </xdr:cNvSpPr>
      </xdr:nvSpPr>
      <xdr:spPr bwMode="auto">
        <a:xfrm>
          <a:off x="48006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35</xdr:row>
      <xdr:rowOff>0</xdr:rowOff>
    </xdr:from>
    <xdr:ext cx="42863" cy="47625"/>
    <xdr:sp macro="" textlink="">
      <xdr:nvSpPr>
        <xdr:cNvPr id="357" name="Text Box 80"/>
        <xdr:cNvSpPr txBox="1">
          <a:spLocks noChangeArrowheads="1"/>
        </xdr:cNvSpPr>
      </xdr:nvSpPr>
      <xdr:spPr bwMode="auto">
        <a:xfrm>
          <a:off x="54864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35</xdr:row>
      <xdr:rowOff>0</xdr:rowOff>
    </xdr:from>
    <xdr:ext cx="42863" cy="47625"/>
    <xdr:sp macro="" textlink="">
      <xdr:nvSpPr>
        <xdr:cNvPr id="358" name="Text Box 117"/>
        <xdr:cNvSpPr txBox="1">
          <a:spLocks noChangeArrowheads="1"/>
        </xdr:cNvSpPr>
      </xdr:nvSpPr>
      <xdr:spPr bwMode="auto">
        <a:xfrm>
          <a:off x="53721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35</xdr:row>
      <xdr:rowOff>0</xdr:rowOff>
    </xdr:from>
    <xdr:ext cx="57150" cy="38100"/>
    <xdr:sp macro="" textlink="">
      <xdr:nvSpPr>
        <xdr:cNvPr id="359" name="Text Box 22"/>
        <xdr:cNvSpPr txBox="1">
          <a:spLocks noChangeArrowheads="1"/>
        </xdr:cNvSpPr>
      </xdr:nvSpPr>
      <xdr:spPr bwMode="auto">
        <a:xfrm>
          <a:off x="5372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35</xdr:row>
      <xdr:rowOff>0</xdr:rowOff>
    </xdr:from>
    <xdr:ext cx="57150" cy="38100"/>
    <xdr:sp macro="" textlink="">
      <xdr:nvSpPr>
        <xdr:cNvPr id="360" name="Text Box 22"/>
        <xdr:cNvSpPr txBox="1">
          <a:spLocks noChangeArrowheads="1"/>
        </xdr:cNvSpPr>
      </xdr:nvSpPr>
      <xdr:spPr bwMode="auto">
        <a:xfrm>
          <a:off x="60579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35</xdr:row>
      <xdr:rowOff>0</xdr:rowOff>
    </xdr:from>
    <xdr:ext cx="57150" cy="38100"/>
    <xdr:sp macro="" textlink="">
      <xdr:nvSpPr>
        <xdr:cNvPr id="361" name="Text Box 22"/>
        <xdr:cNvSpPr txBox="1">
          <a:spLocks noChangeArrowheads="1"/>
        </xdr:cNvSpPr>
      </xdr:nvSpPr>
      <xdr:spPr bwMode="auto">
        <a:xfrm>
          <a:off x="57150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35</xdr:row>
      <xdr:rowOff>0</xdr:rowOff>
    </xdr:from>
    <xdr:ext cx="42863" cy="47625"/>
    <xdr:sp macro="" textlink="">
      <xdr:nvSpPr>
        <xdr:cNvPr id="362" name="Text Box 80"/>
        <xdr:cNvSpPr txBox="1">
          <a:spLocks noChangeArrowheads="1"/>
        </xdr:cNvSpPr>
      </xdr:nvSpPr>
      <xdr:spPr bwMode="auto">
        <a:xfrm>
          <a:off x="54864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35</xdr:row>
      <xdr:rowOff>0</xdr:rowOff>
    </xdr:from>
    <xdr:ext cx="42863" cy="47625"/>
    <xdr:sp macro="" textlink="">
      <xdr:nvSpPr>
        <xdr:cNvPr id="363" name="Text Box 117"/>
        <xdr:cNvSpPr txBox="1">
          <a:spLocks noChangeArrowheads="1"/>
        </xdr:cNvSpPr>
      </xdr:nvSpPr>
      <xdr:spPr bwMode="auto">
        <a:xfrm>
          <a:off x="53721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35</xdr:row>
      <xdr:rowOff>0</xdr:rowOff>
    </xdr:from>
    <xdr:ext cx="57150" cy="38100"/>
    <xdr:sp macro="" textlink="">
      <xdr:nvSpPr>
        <xdr:cNvPr id="364" name="Text Box 22"/>
        <xdr:cNvSpPr txBox="1">
          <a:spLocks noChangeArrowheads="1"/>
        </xdr:cNvSpPr>
      </xdr:nvSpPr>
      <xdr:spPr bwMode="auto">
        <a:xfrm>
          <a:off x="5372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35</xdr:row>
      <xdr:rowOff>0</xdr:rowOff>
    </xdr:from>
    <xdr:ext cx="57150" cy="38100"/>
    <xdr:sp macro="" textlink="">
      <xdr:nvSpPr>
        <xdr:cNvPr id="365" name="Text Box 22"/>
        <xdr:cNvSpPr txBox="1">
          <a:spLocks noChangeArrowheads="1"/>
        </xdr:cNvSpPr>
      </xdr:nvSpPr>
      <xdr:spPr bwMode="auto">
        <a:xfrm>
          <a:off x="60579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35</xdr:row>
      <xdr:rowOff>0</xdr:rowOff>
    </xdr:from>
    <xdr:ext cx="57150" cy="38100"/>
    <xdr:sp macro="" textlink="">
      <xdr:nvSpPr>
        <xdr:cNvPr id="366" name="Text Box 22"/>
        <xdr:cNvSpPr txBox="1">
          <a:spLocks noChangeArrowheads="1"/>
        </xdr:cNvSpPr>
      </xdr:nvSpPr>
      <xdr:spPr bwMode="auto">
        <a:xfrm>
          <a:off x="57150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35</xdr:row>
      <xdr:rowOff>0</xdr:rowOff>
    </xdr:from>
    <xdr:ext cx="57150" cy="38100"/>
    <xdr:sp macro="" textlink="">
      <xdr:nvSpPr>
        <xdr:cNvPr id="367" name="Text Box 22"/>
        <xdr:cNvSpPr txBox="1">
          <a:spLocks noChangeArrowheads="1"/>
        </xdr:cNvSpPr>
      </xdr:nvSpPr>
      <xdr:spPr bwMode="auto">
        <a:xfrm>
          <a:off x="66294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35</xdr:row>
      <xdr:rowOff>0</xdr:rowOff>
    </xdr:from>
    <xdr:ext cx="42863" cy="47625"/>
    <xdr:sp macro="" textlink="">
      <xdr:nvSpPr>
        <xdr:cNvPr id="368" name="Text Box 80"/>
        <xdr:cNvSpPr txBox="1">
          <a:spLocks noChangeArrowheads="1"/>
        </xdr:cNvSpPr>
      </xdr:nvSpPr>
      <xdr:spPr bwMode="auto">
        <a:xfrm>
          <a:off x="36576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35</xdr:row>
      <xdr:rowOff>0</xdr:rowOff>
    </xdr:from>
    <xdr:ext cx="42863" cy="47625"/>
    <xdr:sp macro="" textlink="">
      <xdr:nvSpPr>
        <xdr:cNvPr id="369" name="Text Box 117"/>
        <xdr:cNvSpPr txBox="1">
          <a:spLocks noChangeArrowheads="1"/>
        </xdr:cNvSpPr>
      </xdr:nvSpPr>
      <xdr:spPr bwMode="auto">
        <a:xfrm>
          <a:off x="35433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35</xdr:row>
      <xdr:rowOff>0</xdr:rowOff>
    </xdr:from>
    <xdr:ext cx="42863" cy="38100"/>
    <xdr:sp macro="" textlink="">
      <xdr:nvSpPr>
        <xdr:cNvPr id="370" name="Text Box 22"/>
        <xdr:cNvSpPr txBox="1">
          <a:spLocks noChangeArrowheads="1"/>
        </xdr:cNvSpPr>
      </xdr:nvSpPr>
      <xdr:spPr bwMode="auto">
        <a:xfrm>
          <a:off x="3314700" y="5651754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35</xdr:row>
      <xdr:rowOff>0</xdr:rowOff>
    </xdr:from>
    <xdr:ext cx="57150" cy="38100"/>
    <xdr:sp macro="" textlink="">
      <xdr:nvSpPr>
        <xdr:cNvPr id="371" name="Text Box 22"/>
        <xdr:cNvSpPr txBox="1">
          <a:spLocks noChangeArrowheads="1"/>
        </xdr:cNvSpPr>
      </xdr:nvSpPr>
      <xdr:spPr bwMode="auto">
        <a:xfrm>
          <a:off x="20574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35</xdr:row>
      <xdr:rowOff>0</xdr:rowOff>
    </xdr:from>
    <xdr:ext cx="57150" cy="38100"/>
    <xdr:sp macro="" textlink="">
      <xdr:nvSpPr>
        <xdr:cNvPr id="372" name="Text Box 22"/>
        <xdr:cNvSpPr txBox="1">
          <a:spLocks noChangeArrowheads="1"/>
        </xdr:cNvSpPr>
      </xdr:nvSpPr>
      <xdr:spPr bwMode="auto">
        <a:xfrm>
          <a:off x="35433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35</xdr:row>
      <xdr:rowOff>0</xdr:rowOff>
    </xdr:from>
    <xdr:ext cx="57150" cy="38100"/>
    <xdr:sp macro="" textlink="">
      <xdr:nvSpPr>
        <xdr:cNvPr id="373" name="Text Box 22"/>
        <xdr:cNvSpPr txBox="1">
          <a:spLocks noChangeArrowheads="1"/>
        </xdr:cNvSpPr>
      </xdr:nvSpPr>
      <xdr:spPr bwMode="auto">
        <a:xfrm>
          <a:off x="51435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35</xdr:row>
      <xdr:rowOff>0</xdr:rowOff>
    </xdr:from>
    <xdr:ext cx="57150" cy="38100"/>
    <xdr:sp macro="" textlink="">
      <xdr:nvSpPr>
        <xdr:cNvPr id="374" name="Text Box 22"/>
        <xdr:cNvSpPr txBox="1">
          <a:spLocks noChangeArrowheads="1"/>
        </xdr:cNvSpPr>
      </xdr:nvSpPr>
      <xdr:spPr bwMode="auto">
        <a:xfrm>
          <a:off x="56007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35</xdr:row>
      <xdr:rowOff>0</xdr:rowOff>
    </xdr:from>
    <xdr:ext cx="42862" cy="28575"/>
    <xdr:sp macro="" textlink="">
      <xdr:nvSpPr>
        <xdr:cNvPr id="375" name="Text Box 23"/>
        <xdr:cNvSpPr txBox="1">
          <a:spLocks noChangeArrowheads="1"/>
        </xdr:cNvSpPr>
      </xdr:nvSpPr>
      <xdr:spPr bwMode="auto">
        <a:xfrm>
          <a:off x="5257800" y="5651754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35</xdr:row>
      <xdr:rowOff>0</xdr:rowOff>
    </xdr:from>
    <xdr:ext cx="42863" cy="38100"/>
    <xdr:sp macro="" textlink="">
      <xdr:nvSpPr>
        <xdr:cNvPr id="376" name="Text Box 22"/>
        <xdr:cNvSpPr txBox="1">
          <a:spLocks noChangeArrowheads="1"/>
        </xdr:cNvSpPr>
      </xdr:nvSpPr>
      <xdr:spPr bwMode="auto">
        <a:xfrm>
          <a:off x="5257800" y="5651754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35</xdr:row>
      <xdr:rowOff>0</xdr:rowOff>
    </xdr:from>
    <xdr:ext cx="42862" cy="28575"/>
    <xdr:sp macro="" textlink="">
      <xdr:nvSpPr>
        <xdr:cNvPr id="377" name="Text Box 23"/>
        <xdr:cNvSpPr txBox="1">
          <a:spLocks noChangeArrowheads="1"/>
        </xdr:cNvSpPr>
      </xdr:nvSpPr>
      <xdr:spPr bwMode="auto">
        <a:xfrm>
          <a:off x="5257800" y="5651754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35</xdr:row>
      <xdr:rowOff>0</xdr:rowOff>
    </xdr:from>
    <xdr:ext cx="57150" cy="38100"/>
    <xdr:sp macro="" textlink="">
      <xdr:nvSpPr>
        <xdr:cNvPr id="378" name="Text Box 22"/>
        <xdr:cNvSpPr txBox="1">
          <a:spLocks noChangeArrowheads="1"/>
        </xdr:cNvSpPr>
      </xdr:nvSpPr>
      <xdr:spPr bwMode="auto">
        <a:xfrm>
          <a:off x="4229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35</xdr:row>
      <xdr:rowOff>0</xdr:rowOff>
    </xdr:from>
    <xdr:ext cx="42863" cy="47625"/>
    <xdr:sp macro="" textlink="">
      <xdr:nvSpPr>
        <xdr:cNvPr id="379" name="Text Box 80"/>
        <xdr:cNvSpPr txBox="1">
          <a:spLocks noChangeArrowheads="1"/>
        </xdr:cNvSpPr>
      </xdr:nvSpPr>
      <xdr:spPr bwMode="auto">
        <a:xfrm>
          <a:off x="54864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35</xdr:row>
      <xdr:rowOff>0</xdr:rowOff>
    </xdr:from>
    <xdr:ext cx="57150" cy="38100"/>
    <xdr:sp macro="" textlink="">
      <xdr:nvSpPr>
        <xdr:cNvPr id="380" name="Text Box 22"/>
        <xdr:cNvSpPr txBox="1">
          <a:spLocks noChangeArrowheads="1"/>
        </xdr:cNvSpPr>
      </xdr:nvSpPr>
      <xdr:spPr bwMode="auto">
        <a:xfrm>
          <a:off x="5372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35</xdr:row>
      <xdr:rowOff>0</xdr:rowOff>
    </xdr:from>
    <xdr:ext cx="57150" cy="38100"/>
    <xdr:sp macro="" textlink="">
      <xdr:nvSpPr>
        <xdr:cNvPr id="381" name="Text Box 22"/>
        <xdr:cNvSpPr txBox="1">
          <a:spLocks noChangeArrowheads="1"/>
        </xdr:cNvSpPr>
      </xdr:nvSpPr>
      <xdr:spPr bwMode="auto">
        <a:xfrm>
          <a:off x="68580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35</xdr:row>
      <xdr:rowOff>0</xdr:rowOff>
    </xdr:from>
    <xdr:ext cx="57150" cy="38100"/>
    <xdr:sp macro="" textlink="">
      <xdr:nvSpPr>
        <xdr:cNvPr id="382" name="Text Box 22"/>
        <xdr:cNvSpPr txBox="1">
          <a:spLocks noChangeArrowheads="1"/>
        </xdr:cNvSpPr>
      </xdr:nvSpPr>
      <xdr:spPr bwMode="auto">
        <a:xfrm>
          <a:off x="59436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35</xdr:row>
      <xdr:rowOff>0</xdr:rowOff>
    </xdr:from>
    <xdr:ext cx="57150" cy="38100"/>
    <xdr:sp macro="" textlink="">
      <xdr:nvSpPr>
        <xdr:cNvPr id="383" name="Text Box 22"/>
        <xdr:cNvSpPr txBox="1">
          <a:spLocks noChangeArrowheads="1"/>
        </xdr:cNvSpPr>
      </xdr:nvSpPr>
      <xdr:spPr bwMode="auto">
        <a:xfrm>
          <a:off x="29718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35</xdr:row>
      <xdr:rowOff>0</xdr:rowOff>
    </xdr:from>
    <xdr:ext cx="42863" cy="38100"/>
    <xdr:sp macro="" textlink="">
      <xdr:nvSpPr>
        <xdr:cNvPr id="384" name="Text Box 22"/>
        <xdr:cNvSpPr txBox="1">
          <a:spLocks noChangeArrowheads="1"/>
        </xdr:cNvSpPr>
      </xdr:nvSpPr>
      <xdr:spPr bwMode="auto">
        <a:xfrm>
          <a:off x="5143500" y="5651754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35</xdr:row>
      <xdr:rowOff>0</xdr:rowOff>
    </xdr:from>
    <xdr:ext cx="57150" cy="38100"/>
    <xdr:sp macro="" textlink="">
      <xdr:nvSpPr>
        <xdr:cNvPr id="385" name="Text Box 22"/>
        <xdr:cNvSpPr txBox="1">
          <a:spLocks noChangeArrowheads="1"/>
        </xdr:cNvSpPr>
      </xdr:nvSpPr>
      <xdr:spPr bwMode="auto">
        <a:xfrm>
          <a:off x="48006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35</xdr:row>
      <xdr:rowOff>0</xdr:rowOff>
    </xdr:from>
    <xdr:ext cx="42863" cy="47625"/>
    <xdr:sp macro="" textlink="">
      <xdr:nvSpPr>
        <xdr:cNvPr id="386" name="Text Box 80"/>
        <xdr:cNvSpPr txBox="1">
          <a:spLocks noChangeArrowheads="1"/>
        </xdr:cNvSpPr>
      </xdr:nvSpPr>
      <xdr:spPr bwMode="auto">
        <a:xfrm>
          <a:off x="54864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35</xdr:row>
      <xdr:rowOff>0</xdr:rowOff>
    </xdr:from>
    <xdr:ext cx="42863" cy="47625"/>
    <xdr:sp macro="" textlink="">
      <xdr:nvSpPr>
        <xdr:cNvPr id="387" name="Text Box 117"/>
        <xdr:cNvSpPr txBox="1">
          <a:spLocks noChangeArrowheads="1"/>
        </xdr:cNvSpPr>
      </xdr:nvSpPr>
      <xdr:spPr bwMode="auto">
        <a:xfrm>
          <a:off x="53721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35</xdr:row>
      <xdr:rowOff>0</xdr:rowOff>
    </xdr:from>
    <xdr:ext cx="57150" cy="38100"/>
    <xdr:sp macro="" textlink="">
      <xdr:nvSpPr>
        <xdr:cNvPr id="388" name="Text Box 22"/>
        <xdr:cNvSpPr txBox="1">
          <a:spLocks noChangeArrowheads="1"/>
        </xdr:cNvSpPr>
      </xdr:nvSpPr>
      <xdr:spPr bwMode="auto">
        <a:xfrm>
          <a:off x="5372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35</xdr:row>
      <xdr:rowOff>0</xdr:rowOff>
    </xdr:from>
    <xdr:ext cx="57150" cy="38100"/>
    <xdr:sp macro="" textlink="">
      <xdr:nvSpPr>
        <xdr:cNvPr id="389" name="Text Box 22"/>
        <xdr:cNvSpPr txBox="1">
          <a:spLocks noChangeArrowheads="1"/>
        </xdr:cNvSpPr>
      </xdr:nvSpPr>
      <xdr:spPr bwMode="auto">
        <a:xfrm>
          <a:off x="60579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35</xdr:row>
      <xdr:rowOff>0</xdr:rowOff>
    </xdr:from>
    <xdr:ext cx="57150" cy="38100"/>
    <xdr:sp macro="" textlink="">
      <xdr:nvSpPr>
        <xdr:cNvPr id="390" name="Text Box 22"/>
        <xdr:cNvSpPr txBox="1">
          <a:spLocks noChangeArrowheads="1"/>
        </xdr:cNvSpPr>
      </xdr:nvSpPr>
      <xdr:spPr bwMode="auto">
        <a:xfrm>
          <a:off x="57150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35</xdr:row>
      <xdr:rowOff>0</xdr:rowOff>
    </xdr:from>
    <xdr:ext cx="42863" cy="47625"/>
    <xdr:sp macro="" textlink="">
      <xdr:nvSpPr>
        <xdr:cNvPr id="391" name="Text Box 80"/>
        <xdr:cNvSpPr txBox="1">
          <a:spLocks noChangeArrowheads="1"/>
        </xdr:cNvSpPr>
      </xdr:nvSpPr>
      <xdr:spPr bwMode="auto">
        <a:xfrm>
          <a:off x="54864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35</xdr:row>
      <xdr:rowOff>0</xdr:rowOff>
    </xdr:from>
    <xdr:ext cx="42863" cy="47625"/>
    <xdr:sp macro="" textlink="">
      <xdr:nvSpPr>
        <xdr:cNvPr id="392" name="Text Box 117"/>
        <xdr:cNvSpPr txBox="1">
          <a:spLocks noChangeArrowheads="1"/>
        </xdr:cNvSpPr>
      </xdr:nvSpPr>
      <xdr:spPr bwMode="auto">
        <a:xfrm>
          <a:off x="53721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35</xdr:row>
      <xdr:rowOff>0</xdr:rowOff>
    </xdr:from>
    <xdr:ext cx="57150" cy="38100"/>
    <xdr:sp macro="" textlink="">
      <xdr:nvSpPr>
        <xdr:cNvPr id="393" name="Text Box 22"/>
        <xdr:cNvSpPr txBox="1">
          <a:spLocks noChangeArrowheads="1"/>
        </xdr:cNvSpPr>
      </xdr:nvSpPr>
      <xdr:spPr bwMode="auto">
        <a:xfrm>
          <a:off x="5372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35</xdr:row>
      <xdr:rowOff>0</xdr:rowOff>
    </xdr:from>
    <xdr:ext cx="57150" cy="38100"/>
    <xdr:sp macro="" textlink="">
      <xdr:nvSpPr>
        <xdr:cNvPr id="394" name="Text Box 22"/>
        <xdr:cNvSpPr txBox="1">
          <a:spLocks noChangeArrowheads="1"/>
        </xdr:cNvSpPr>
      </xdr:nvSpPr>
      <xdr:spPr bwMode="auto">
        <a:xfrm>
          <a:off x="60579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35</xdr:row>
      <xdr:rowOff>0</xdr:rowOff>
    </xdr:from>
    <xdr:ext cx="57150" cy="38100"/>
    <xdr:sp macro="" textlink="">
      <xdr:nvSpPr>
        <xdr:cNvPr id="395" name="Text Box 22"/>
        <xdr:cNvSpPr txBox="1">
          <a:spLocks noChangeArrowheads="1"/>
        </xdr:cNvSpPr>
      </xdr:nvSpPr>
      <xdr:spPr bwMode="auto">
        <a:xfrm>
          <a:off x="57150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35</xdr:row>
      <xdr:rowOff>0</xdr:rowOff>
    </xdr:from>
    <xdr:ext cx="57150" cy="38100"/>
    <xdr:sp macro="" textlink="">
      <xdr:nvSpPr>
        <xdr:cNvPr id="396" name="Text Box 22"/>
        <xdr:cNvSpPr txBox="1">
          <a:spLocks noChangeArrowheads="1"/>
        </xdr:cNvSpPr>
      </xdr:nvSpPr>
      <xdr:spPr bwMode="auto">
        <a:xfrm>
          <a:off x="66294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35</xdr:row>
      <xdr:rowOff>0</xdr:rowOff>
    </xdr:from>
    <xdr:ext cx="42863" cy="47625"/>
    <xdr:sp macro="" textlink="">
      <xdr:nvSpPr>
        <xdr:cNvPr id="397" name="Text Box 80"/>
        <xdr:cNvSpPr txBox="1">
          <a:spLocks noChangeArrowheads="1"/>
        </xdr:cNvSpPr>
      </xdr:nvSpPr>
      <xdr:spPr bwMode="auto">
        <a:xfrm>
          <a:off x="36576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35</xdr:row>
      <xdr:rowOff>0</xdr:rowOff>
    </xdr:from>
    <xdr:ext cx="42863" cy="47625"/>
    <xdr:sp macro="" textlink="">
      <xdr:nvSpPr>
        <xdr:cNvPr id="398" name="Text Box 117"/>
        <xdr:cNvSpPr txBox="1">
          <a:spLocks noChangeArrowheads="1"/>
        </xdr:cNvSpPr>
      </xdr:nvSpPr>
      <xdr:spPr bwMode="auto">
        <a:xfrm>
          <a:off x="35433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35</xdr:row>
      <xdr:rowOff>0</xdr:rowOff>
    </xdr:from>
    <xdr:ext cx="42863" cy="38100"/>
    <xdr:sp macro="" textlink="">
      <xdr:nvSpPr>
        <xdr:cNvPr id="399" name="Text Box 22"/>
        <xdr:cNvSpPr txBox="1">
          <a:spLocks noChangeArrowheads="1"/>
        </xdr:cNvSpPr>
      </xdr:nvSpPr>
      <xdr:spPr bwMode="auto">
        <a:xfrm>
          <a:off x="3314700" y="5651754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35</xdr:row>
      <xdr:rowOff>0</xdr:rowOff>
    </xdr:from>
    <xdr:ext cx="57150" cy="38100"/>
    <xdr:sp macro="" textlink="">
      <xdr:nvSpPr>
        <xdr:cNvPr id="400" name="Text Box 22"/>
        <xdr:cNvSpPr txBox="1">
          <a:spLocks noChangeArrowheads="1"/>
        </xdr:cNvSpPr>
      </xdr:nvSpPr>
      <xdr:spPr bwMode="auto">
        <a:xfrm>
          <a:off x="20574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35</xdr:row>
      <xdr:rowOff>0</xdr:rowOff>
    </xdr:from>
    <xdr:ext cx="57150" cy="38100"/>
    <xdr:sp macro="" textlink="">
      <xdr:nvSpPr>
        <xdr:cNvPr id="401" name="Text Box 22"/>
        <xdr:cNvSpPr txBox="1">
          <a:spLocks noChangeArrowheads="1"/>
        </xdr:cNvSpPr>
      </xdr:nvSpPr>
      <xdr:spPr bwMode="auto">
        <a:xfrm>
          <a:off x="35433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35</xdr:row>
      <xdr:rowOff>0</xdr:rowOff>
    </xdr:from>
    <xdr:ext cx="57150" cy="38100"/>
    <xdr:sp macro="" textlink="">
      <xdr:nvSpPr>
        <xdr:cNvPr id="402" name="Text Box 22"/>
        <xdr:cNvSpPr txBox="1">
          <a:spLocks noChangeArrowheads="1"/>
        </xdr:cNvSpPr>
      </xdr:nvSpPr>
      <xdr:spPr bwMode="auto">
        <a:xfrm>
          <a:off x="51435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35</xdr:row>
      <xdr:rowOff>0</xdr:rowOff>
    </xdr:from>
    <xdr:ext cx="57150" cy="38100"/>
    <xdr:sp macro="" textlink="">
      <xdr:nvSpPr>
        <xdr:cNvPr id="403" name="Text Box 22"/>
        <xdr:cNvSpPr txBox="1">
          <a:spLocks noChangeArrowheads="1"/>
        </xdr:cNvSpPr>
      </xdr:nvSpPr>
      <xdr:spPr bwMode="auto">
        <a:xfrm>
          <a:off x="56007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35</xdr:row>
      <xdr:rowOff>0</xdr:rowOff>
    </xdr:from>
    <xdr:ext cx="42862" cy="28575"/>
    <xdr:sp macro="" textlink="">
      <xdr:nvSpPr>
        <xdr:cNvPr id="404" name="Text Box 23"/>
        <xdr:cNvSpPr txBox="1">
          <a:spLocks noChangeArrowheads="1"/>
        </xdr:cNvSpPr>
      </xdr:nvSpPr>
      <xdr:spPr bwMode="auto">
        <a:xfrm>
          <a:off x="5257800" y="5651754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35</xdr:row>
      <xdr:rowOff>0</xdr:rowOff>
    </xdr:from>
    <xdr:ext cx="42863" cy="38100"/>
    <xdr:sp macro="" textlink="">
      <xdr:nvSpPr>
        <xdr:cNvPr id="405" name="Text Box 22"/>
        <xdr:cNvSpPr txBox="1">
          <a:spLocks noChangeArrowheads="1"/>
        </xdr:cNvSpPr>
      </xdr:nvSpPr>
      <xdr:spPr bwMode="auto">
        <a:xfrm>
          <a:off x="5257800" y="5651754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35</xdr:row>
      <xdr:rowOff>0</xdr:rowOff>
    </xdr:from>
    <xdr:ext cx="42862" cy="28575"/>
    <xdr:sp macro="" textlink="">
      <xdr:nvSpPr>
        <xdr:cNvPr id="406" name="Text Box 23"/>
        <xdr:cNvSpPr txBox="1">
          <a:spLocks noChangeArrowheads="1"/>
        </xdr:cNvSpPr>
      </xdr:nvSpPr>
      <xdr:spPr bwMode="auto">
        <a:xfrm>
          <a:off x="5257800" y="5651754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35</xdr:row>
      <xdr:rowOff>0</xdr:rowOff>
    </xdr:from>
    <xdr:ext cx="57150" cy="38100"/>
    <xdr:sp macro="" textlink="">
      <xdr:nvSpPr>
        <xdr:cNvPr id="407" name="Text Box 22"/>
        <xdr:cNvSpPr txBox="1">
          <a:spLocks noChangeArrowheads="1"/>
        </xdr:cNvSpPr>
      </xdr:nvSpPr>
      <xdr:spPr bwMode="auto">
        <a:xfrm>
          <a:off x="4229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35</xdr:row>
      <xdr:rowOff>0</xdr:rowOff>
    </xdr:from>
    <xdr:ext cx="42863" cy="47625"/>
    <xdr:sp macro="" textlink="">
      <xdr:nvSpPr>
        <xdr:cNvPr id="408" name="Text Box 80"/>
        <xdr:cNvSpPr txBox="1">
          <a:spLocks noChangeArrowheads="1"/>
        </xdr:cNvSpPr>
      </xdr:nvSpPr>
      <xdr:spPr bwMode="auto">
        <a:xfrm>
          <a:off x="54864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35</xdr:row>
      <xdr:rowOff>0</xdr:rowOff>
    </xdr:from>
    <xdr:ext cx="57150" cy="38100"/>
    <xdr:sp macro="" textlink="">
      <xdr:nvSpPr>
        <xdr:cNvPr id="409" name="Text Box 22"/>
        <xdr:cNvSpPr txBox="1">
          <a:spLocks noChangeArrowheads="1"/>
        </xdr:cNvSpPr>
      </xdr:nvSpPr>
      <xdr:spPr bwMode="auto">
        <a:xfrm>
          <a:off x="5372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35</xdr:row>
      <xdr:rowOff>0</xdr:rowOff>
    </xdr:from>
    <xdr:ext cx="57150" cy="38100"/>
    <xdr:sp macro="" textlink="">
      <xdr:nvSpPr>
        <xdr:cNvPr id="410" name="Text Box 22"/>
        <xdr:cNvSpPr txBox="1">
          <a:spLocks noChangeArrowheads="1"/>
        </xdr:cNvSpPr>
      </xdr:nvSpPr>
      <xdr:spPr bwMode="auto">
        <a:xfrm>
          <a:off x="59436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35</xdr:row>
      <xdr:rowOff>0</xdr:rowOff>
    </xdr:from>
    <xdr:ext cx="57150" cy="38100"/>
    <xdr:sp macro="" textlink="">
      <xdr:nvSpPr>
        <xdr:cNvPr id="411" name="Text Box 22"/>
        <xdr:cNvSpPr txBox="1">
          <a:spLocks noChangeArrowheads="1"/>
        </xdr:cNvSpPr>
      </xdr:nvSpPr>
      <xdr:spPr bwMode="auto">
        <a:xfrm>
          <a:off x="29718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35</xdr:row>
      <xdr:rowOff>0</xdr:rowOff>
    </xdr:from>
    <xdr:ext cx="42863" cy="38100"/>
    <xdr:sp macro="" textlink="">
      <xdr:nvSpPr>
        <xdr:cNvPr id="412" name="Text Box 22"/>
        <xdr:cNvSpPr txBox="1">
          <a:spLocks noChangeArrowheads="1"/>
        </xdr:cNvSpPr>
      </xdr:nvSpPr>
      <xdr:spPr bwMode="auto">
        <a:xfrm>
          <a:off x="5143500" y="5651754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35</xdr:row>
      <xdr:rowOff>0</xdr:rowOff>
    </xdr:from>
    <xdr:ext cx="57150" cy="38100"/>
    <xdr:sp macro="" textlink="">
      <xdr:nvSpPr>
        <xdr:cNvPr id="413" name="Text Box 22"/>
        <xdr:cNvSpPr txBox="1">
          <a:spLocks noChangeArrowheads="1"/>
        </xdr:cNvSpPr>
      </xdr:nvSpPr>
      <xdr:spPr bwMode="auto">
        <a:xfrm>
          <a:off x="48006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35</xdr:row>
      <xdr:rowOff>0</xdr:rowOff>
    </xdr:from>
    <xdr:ext cx="42863" cy="47625"/>
    <xdr:sp macro="" textlink="">
      <xdr:nvSpPr>
        <xdr:cNvPr id="414" name="Text Box 80"/>
        <xdr:cNvSpPr txBox="1">
          <a:spLocks noChangeArrowheads="1"/>
        </xdr:cNvSpPr>
      </xdr:nvSpPr>
      <xdr:spPr bwMode="auto">
        <a:xfrm>
          <a:off x="54864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35</xdr:row>
      <xdr:rowOff>0</xdr:rowOff>
    </xdr:from>
    <xdr:ext cx="42863" cy="47625"/>
    <xdr:sp macro="" textlink="">
      <xdr:nvSpPr>
        <xdr:cNvPr id="415" name="Text Box 117"/>
        <xdr:cNvSpPr txBox="1">
          <a:spLocks noChangeArrowheads="1"/>
        </xdr:cNvSpPr>
      </xdr:nvSpPr>
      <xdr:spPr bwMode="auto">
        <a:xfrm>
          <a:off x="53721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35</xdr:row>
      <xdr:rowOff>0</xdr:rowOff>
    </xdr:from>
    <xdr:ext cx="57150" cy="38100"/>
    <xdr:sp macro="" textlink="">
      <xdr:nvSpPr>
        <xdr:cNvPr id="416" name="Text Box 22"/>
        <xdr:cNvSpPr txBox="1">
          <a:spLocks noChangeArrowheads="1"/>
        </xdr:cNvSpPr>
      </xdr:nvSpPr>
      <xdr:spPr bwMode="auto">
        <a:xfrm>
          <a:off x="5372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35</xdr:row>
      <xdr:rowOff>0</xdr:rowOff>
    </xdr:from>
    <xdr:ext cx="57150" cy="38100"/>
    <xdr:sp macro="" textlink="">
      <xdr:nvSpPr>
        <xdr:cNvPr id="417" name="Text Box 22"/>
        <xdr:cNvSpPr txBox="1">
          <a:spLocks noChangeArrowheads="1"/>
        </xdr:cNvSpPr>
      </xdr:nvSpPr>
      <xdr:spPr bwMode="auto">
        <a:xfrm>
          <a:off x="60579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35</xdr:row>
      <xdr:rowOff>0</xdr:rowOff>
    </xdr:from>
    <xdr:ext cx="57150" cy="38100"/>
    <xdr:sp macro="" textlink="">
      <xdr:nvSpPr>
        <xdr:cNvPr id="418" name="Text Box 22"/>
        <xdr:cNvSpPr txBox="1">
          <a:spLocks noChangeArrowheads="1"/>
        </xdr:cNvSpPr>
      </xdr:nvSpPr>
      <xdr:spPr bwMode="auto">
        <a:xfrm>
          <a:off x="57150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35</xdr:row>
      <xdr:rowOff>0</xdr:rowOff>
    </xdr:from>
    <xdr:ext cx="42863" cy="47625"/>
    <xdr:sp macro="" textlink="">
      <xdr:nvSpPr>
        <xdr:cNvPr id="419" name="Text Box 80"/>
        <xdr:cNvSpPr txBox="1">
          <a:spLocks noChangeArrowheads="1"/>
        </xdr:cNvSpPr>
      </xdr:nvSpPr>
      <xdr:spPr bwMode="auto">
        <a:xfrm>
          <a:off x="54864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35</xdr:row>
      <xdr:rowOff>0</xdr:rowOff>
    </xdr:from>
    <xdr:ext cx="42863" cy="47625"/>
    <xdr:sp macro="" textlink="">
      <xdr:nvSpPr>
        <xdr:cNvPr id="420" name="Text Box 117"/>
        <xdr:cNvSpPr txBox="1">
          <a:spLocks noChangeArrowheads="1"/>
        </xdr:cNvSpPr>
      </xdr:nvSpPr>
      <xdr:spPr bwMode="auto">
        <a:xfrm>
          <a:off x="5372100" y="5651754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35</xdr:row>
      <xdr:rowOff>0</xdr:rowOff>
    </xdr:from>
    <xdr:ext cx="57150" cy="38100"/>
    <xdr:sp macro="" textlink="">
      <xdr:nvSpPr>
        <xdr:cNvPr id="421" name="Text Box 22"/>
        <xdr:cNvSpPr txBox="1">
          <a:spLocks noChangeArrowheads="1"/>
        </xdr:cNvSpPr>
      </xdr:nvSpPr>
      <xdr:spPr bwMode="auto">
        <a:xfrm>
          <a:off x="53721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35</xdr:row>
      <xdr:rowOff>0</xdr:rowOff>
    </xdr:from>
    <xdr:ext cx="57150" cy="38100"/>
    <xdr:sp macro="" textlink="">
      <xdr:nvSpPr>
        <xdr:cNvPr id="422" name="Text Box 22"/>
        <xdr:cNvSpPr txBox="1">
          <a:spLocks noChangeArrowheads="1"/>
        </xdr:cNvSpPr>
      </xdr:nvSpPr>
      <xdr:spPr bwMode="auto">
        <a:xfrm>
          <a:off x="60579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35</xdr:row>
      <xdr:rowOff>0</xdr:rowOff>
    </xdr:from>
    <xdr:ext cx="57150" cy="38100"/>
    <xdr:sp macro="" textlink="">
      <xdr:nvSpPr>
        <xdr:cNvPr id="423" name="Text Box 22"/>
        <xdr:cNvSpPr txBox="1">
          <a:spLocks noChangeArrowheads="1"/>
        </xdr:cNvSpPr>
      </xdr:nvSpPr>
      <xdr:spPr bwMode="auto">
        <a:xfrm>
          <a:off x="57150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35</xdr:row>
      <xdr:rowOff>0</xdr:rowOff>
    </xdr:from>
    <xdr:ext cx="57150" cy="38100"/>
    <xdr:sp macro="" textlink="">
      <xdr:nvSpPr>
        <xdr:cNvPr id="424" name="Text Box 22"/>
        <xdr:cNvSpPr txBox="1">
          <a:spLocks noChangeArrowheads="1"/>
        </xdr:cNvSpPr>
      </xdr:nvSpPr>
      <xdr:spPr bwMode="auto">
        <a:xfrm>
          <a:off x="6629400" y="565175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4</xdr:col>
      <xdr:colOff>38099</xdr:colOff>
      <xdr:row>265</xdr:row>
      <xdr:rowOff>180975</xdr:rowOff>
    </xdr:from>
    <xdr:to>
      <xdr:col>5</xdr:col>
      <xdr:colOff>95249</xdr:colOff>
      <xdr:row>265</xdr:row>
      <xdr:rowOff>333375</xdr:rowOff>
    </xdr:to>
    <xdr:sp macro="" textlink="">
      <xdr:nvSpPr>
        <xdr:cNvPr id="431" name="円/楕円 404"/>
        <xdr:cNvSpPr/>
      </xdr:nvSpPr>
      <xdr:spPr bwMode="auto">
        <a:xfrm>
          <a:off x="495299" y="94028895"/>
          <a:ext cx="171450" cy="152400"/>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solidFill>
              <a:srgbClr val="FF0000"/>
            </a:solidFill>
          </a:endParaRPr>
        </a:p>
      </xdr:txBody>
    </xdr:sp>
    <xdr:clientData/>
  </xdr:twoCellAnchor>
  <xdr:oneCellAnchor>
    <xdr:from>
      <xdr:col>31</xdr:col>
      <xdr:colOff>114300</xdr:colOff>
      <xdr:row>306</xdr:row>
      <xdr:rowOff>0</xdr:rowOff>
    </xdr:from>
    <xdr:ext cx="42863" cy="47625"/>
    <xdr:sp macro="" textlink="">
      <xdr:nvSpPr>
        <xdr:cNvPr id="433" name="Text Box 80"/>
        <xdr:cNvSpPr txBox="1">
          <a:spLocks noChangeArrowheads="1"/>
        </xdr:cNvSpPr>
      </xdr:nvSpPr>
      <xdr:spPr bwMode="auto">
        <a:xfrm>
          <a:off x="36576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306</xdr:row>
      <xdr:rowOff>0</xdr:rowOff>
    </xdr:from>
    <xdr:ext cx="42863" cy="47625"/>
    <xdr:sp macro="" textlink="">
      <xdr:nvSpPr>
        <xdr:cNvPr id="434" name="Text Box 117"/>
        <xdr:cNvSpPr txBox="1">
          <a:spLocks noChangeArrowheads="1"/>
        </xdr:cNvSpPr>
      </xdr:nvSpPr>
      <xdr:spPr bwMode="auto">
        <a:xfrm>
          <a:off x="35433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306</xdr:row>
      <xdr:rowOff>0</xdr:rowOff>
    </xdr:from>
    <xdr:ext cx="33337" cy="47625"/>
    <xdr:sp macro="" textlink="">
      <xdr:nvSpPr>
        <xdr:cNvPr id="435" name="Text Box 118"/>
        <xdr:cNvSpPr txBox="1">
          <a:spLocks noChangeArrowheads="1"/>
        </xdr:cNvSpPr>
      </xdr:nvSpPr>
      <xdr:spPr bwMode="auto">
        <a:xfrm>
          <a:off x="3471862" y="9578340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306</xdr:row>
      <xdr:rowOff>0</xdr:rowOff>
    </xdr:from>
    <xdr:ext cx="42863" cy="38100"/>
    <xdr:sp macro="" textlink="">
      <xdr:nvSpPr>
        <xdr:cNvPr id="436" name="Text Box 22"/>
        <xdr:cNvSpPr txBox="1">
          <a:spLocks noChangeArrowheads="1"/>
        </xdr:cNvSpPr>
      </xdr:nvSpPr>
      <xdr:spPr bwMode="auto">
        <a:xfrm>
          <a:off x="33147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306</xdr:row>
      <xdr:rowOff>0</xdr:rowOff>
    </xdr:from>
    <xdr:ext cx="57150" cy="38100"/>
    <xdr:sp macro="" textlink="">
      <xdr:nvSpPr>
        <xdr:cNvPr id="437" name="Text Box 22"/>
        <xdr:cNvSpPr txBox="1">
          <a:spLocks noChangeArrowheads="1"/>
        </xdr:cNvSpPr>
      </xdr:nvSpPr>
      <xdr:spPr bwMode="auto">
        <a:xfrm>
          <a:off x="20574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306</xdr:row>
      <xdr:rowOff>0</xdr:rowOff>
    </xdr:from>
    <xdr:ext cx="57150" cy="38100"/>
    <xdr:sp macro="" textlink="">
      <xdr:nvSpPr>
        <xdr:cNvPr id="438" name="Text Box 22"/>
        <xdr:cNvSpPr txBox="1">
          <a:spLocks noChangeArrowheads="1"/>
        </xdr:cNvSpPr>
      </xdr:nvSpPr>
      <xdr:spPr bwMode="auto">
        <a:xfrm>
          <a:off x="35433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306</xdr:row>
      <xdr:rowOff>0</xdr:rowOff>
    </xdr:from>
    <xdr:ext cx="57150" cy="38100"/>
    <xdr:sp macro="" textlink="">
      <xdr:nvSpPr>
        <xdr:cNvPr id="439" name="Text Box 22"/>
        <xdr:cNvSpPr txBox="1">
          <a:spLocks noChangeArrowheads="1"/>
        </xdr:cNvSpPr>
      </xdr:nvSpPr>
      <xdr:spPr bwMode="auto">
        <a:xfrm>
          <a:off x="51435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306</xdr:row>
      <xdr:rowOff>0</xdr:rowOff>
    </xdr:from>
    <xdr:ext cx="57150" cy="38100"/>
    <xdr:sp macro="" textlink="">
      <xdr:nvSpPr>
        <xdr:cNvPr id="440" name="Text Box 22"/>
        <xdr:cNvSpPr txBox="1">
          <a:spLocks noChangeArrowheads="1"/>
        </xdr:cNvSpPr>
      </xdr:nvSpPr>
      <xdr:spPr bwMode="auto">
        <a:xfrm>
          <a:off x="56007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306</xdr:row>
      <xdr:rowOff>0</xdr:rowOff>
    </xdr:from>
    <xdr:ext cx="61912" cy="38100"/>
    <xdr:sp macro="" textlink="">
      <xdr:nvSpPr>
        <xdr:cNvPr id="441" name="Text Box 80"/>
        <xdr:cNvSpPr txBox="1">
          <a:spLocks noChangeArrowheads="1"/>
        </xdr:cNvSpPr>
      </xdr:nvSpPr>
      <xdr:spPr bwMode="auto">
        <a:xfrm>
          <a:off x="4914900" y="957834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06</xdr:row>
      <xdr:rowOff>0</xdr:rowOff>
    </xdr:from>
    <xdr:ext cx="42862" cy="28575"/>
    <xdr:sp macro="" textlink="">
      <xdr:nvSpPr>
        <xdr:cNvPr id="442" name="Text Box 23"/>
        <xdr:cNvSpPr txBox="1">
          <a:spLocks noChangeArrowheads="1"/>
        </xdr:cNvSpPr>
      </xdr:nvSpPr>
      <xdr:spPr bwMode="auto">
        <a:xfrm>
          <a:off x="5257800" y="957834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306</xdr:row>
      <xdr:rowOff>0</xdr:rowOff>
    </xdr:from>
    <xdr:ext cx="42863" cy="38100"/>
    <xdr:sp macro="" textlink="">
      <xdr:nvSpPr>
        <xdr:cNvPr id="443" name="Text Box 22"/>
        <xdr:cNvSpPr txBox="1">
          <a:spLocks noChangeArrowheads="1"/>
        </xdr:cNvSpPr>
      </xdr:nvSpPr>
      <xdr:spPr bwMode="auto">
        <a:xfrm>
          <a:off x="52578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06</xdr:row>
      <xdr:rowOff>0</xdr:rowOff>
    </xdr:from>
    <xdr:ext cx="42862" cy="28575"/>
    <xdr:sp macro="" textlink="">
      <xdr:nvSpPr>
        <xdr:cNvPr id="444" name="Text Box 23"/>
        <xdr:cNvSpPr txBox="1">
          <a:spLocks noChangeArrowheads="1"/>
        </xdr:cNvSpPr>
      </xdr:nvSpPr>
      <xdr:spPr bwMode="auto">
        <a:xfrm>
          <a:off x="5257800" y="957834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306</xdr:row>
      <xdr:rowOff>0</xdr:rowOff>
    </xdr:from>
    <xdr:ext cx="57150" cy="38100"/>
    <xdr:sp macro="" textlink="">
      <xdr:nvSpPr>
        <xdr:cNvPr id="445" name="Text Box 22"/>
        <xdr:cNvSpPr txBox="1">
          <a:spLocks noChangeArrowheads="1"/>
        </xdr:cNvSpPr>
      </xdr:nvSpPr>
      <xdr:spPr bwMode="auto">
        <a:xfrm>
          <a:off x="42291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6</xdr:row>
      <xdr:rowOff>0</xdr:rowOff>
    </xdr:from>
    <xdr:ext cx="42863" cy="47625"/>
    <xdr:sp macro="" textlink="">
      <xdr:nvSpPr>
        <xdr:cNvPr id="446" name="Text Box 80"/>
        <xdr:cNvSpPr txBox="1">
          <a:spLocks noChangeArrowheads="1"/>
        </xdr:cNvSpPr>
      </xdr:nvSpPr>
      <xdr:spPr bwMode="auto">
        <a:xfrm>
          <a:off x="54864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06</xdr:row>
      <xdr:rowOff>0</xdr:rowOff>
    </xdr:from>
    <xdr:ext cx="57150" cy="38100"/>
    <xdr:sp macro="" textlink="">
      <xdr:nvSpPr>
        <xdr:cNvPr id="447" name="Text Box 22"/>
        <xdr:cNvSpPr txBox="1">
          <a:spLocks noChangeArrowheads="1"/>
        </xdr:cNvSpPr>
      </xdr:nvSpPr>
      <xdr:spPr bwMode="auto">
        <a:xfrm>
          <a:off x="53721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306</xdr:row>
      <xdr:rowOff>0</xdr:rowOff>
    </xdr:from>
    <xdr:ext cx="57150" cy="38100"/>
    <xdr:sp macro="" textlink="">
      <xdr:nvSpPr>
        <xdr:cNvPr id="448" name="Text Box 22"/>
        <xdr:cNvSpPr txBox="1">
          <a:spLocks noChangeArrowheads="1"/>
        </xdr:cNvSpPr>
      </xdr:nvSpPr>
      <xdr:spPr bwMode="auto">
        <a:xfrm>
          <a:off x="68580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306</xdr:row>
      <xdr:rowOff>0</xdr:rowOff>
    </xdr:from>
    <xdr:ext cx="57150" cy="38100"/>
    <xdr:sp macro="" textlink="">
      <xdr:nvSpPr>
        <xdr:cNvPr id="449" name="Text Box 22"/>
        <xdr:cNvSpPr txBox="1">
          <a:spLocks noChangeArrowheads="1"/>
        </xdr:cNvSpPr>
      </xdr:nvSpPr>
      <xdr:spPr bwMode="auto">
        <a:xfrm>
          <a:off x="59436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306</xdr:row>
      <xdr:rowOff>0</xdr:rowOff>
    </xdr:from>
    <xdr:ext cx="57150" cy="38100"/>
    <xdr:sp macro="" textlink="">
      <xdr:nvSpPr>
        <xdr:cNvPr id="450" name="Text Box 22"/>
        <xdr:cNvSpPr txBox="1">
          <a:spLocks noChangeArrowheads="1"/>
        </xdr:cNvSpPr>
      </xdr:nvSpPr>
      <xdr:spPr bwMode="auto">
        <a:xfrm>
          <a:off x="29718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306</xdr:row>
      <xdr:rowOff>0</xdr:rowOff>
    </xdr:from>
    <xdr:ext cx="42863" cy="38100"/>
    <xdr:sp macro="" textlink="">
      <xdr:nvSpPr>
        <xdr:cNvPr id="451" name="Text Box 22"/>
        <xdr:cNvSpPr txBox="1">
          <a:spLocks noChangeArrowheads="1"/>
        </xdr:cNvSpPr>
      </xdr:nvSpPr>
      <xdr:spPr bwMode="auto">
        <a:xfrm>
          <a:off x="51435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306</xdr:row>
      <xdr:rowOff>0</xdr:rowOff>
    </xdr:from>
    <xdr:ext cx="57150" cy="38100"/>
    <xdr:sp macro="" textlink="">
      <xdr:nvSpPr>
        <xdr:cNvPr id="452" name="Text Box 22"/>
        <xdr:cNvSpPr txBox="1">
          <a:spLocks noChangeArrowheads="1"/>
        </xdr:cNvSpPr>
      </xdr:nvSpPr>
      <xdr:spPr bwMode="auto">
        <a:xfrm>
          <a:off x="38862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306</xdr:row>
      <xdr:rowOff>0</xdr:rowOff>
    </xdr:from>
    <xdr:ext cx="57150" cy="38100"/>
    <xdr:sp macro="" textlink="">
      <xdr:nvSpPr>
        <xdr:cNvPr id="453" name="Text Box 22"/>
        <xdr:cNvSpPr txBox="1">
          <a:spLocks noChangeArrowheads="1"/>
        </xdr:cNvSpPr>
      </xdr:nvSpPr>
      <xdr:spPr bwMode="auto">
        <a:xfrm>
          <a:off x="48006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6</xdr:row>
      <xdr:rowOff>0</xdr:rowOff>
    </xdr:from>
    <xdr:ext cx="42863" cy="47625"/>
    <xdr:sp macro="" textlink="">
      <xdr:nvSpPr>
        <xdr:cNvPr id="454" name="Text Box 80"/>
        <xdr:cNvSpPr txBox="1">
          <a:spLocks noChangeArrowheads="1"/>
        </xdr:cNvSpPr>
      </xdr:nvSpPr>
      <xdr:spPr bwMode="auto">
        <a:xfrm>
          <a:off x="54864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06</xdr:row>
      <xdr:rowOff>0</xdr:rowOff>
    </xdr:from>
    <xdr:ext cx="42863" cy="47625"/>
    <xdr:sp macro="" textlink="">
      <xdr:nvSpPr>
        <xdr:cNvPr id="455" name="Text Box 117"/>
        <xdr:cNvSpPr txBox="1">
          <a:spLocks noChangeArrowheads="1"/>
        </xdr:cNvSpPr>
      </xdr:nvSpPr>
      <xdr:spPr bwMode="auto">
        <a:xfrm>
          <a:off x="53721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06</xdr:row>
      <xdr:rowOff>0</xdr:rowOff>
    </xdr:from>
    <xdr:ext cx="57150" cy="38100"/>
    <xdr:sp macro="" textlink="">
      <xdr:nvSpPr>
        <xdr:cNvPr id="456" name="Text Box 22"/>
        <xdr:cNvSpPr txBox="1">
          <a:spLocks noChangeArrowheads="1"/>
        </xdr:cNvSpPr>
      </xdr:nvSpPr>
      <xdr:spPr bwMode="auto">
        <a:xfrm>
          <a:off x="53721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06</xdr:row>
      <xdr:rowOff>0</xdr:rowOff>
    </xdr:from>
    <xdr:ext cx="57150" cy="38100"/>
    <xdr:sp macro="" textlink="">
      <xdr:nvSpPr>
        <xdr:cNvPr id="457" name="Text Box 22"/>
        <xdr:cNvSpPr txBox="1">
          <a:spLocks noChangeArrowheads="1"/>
        </xdr:cNvSpPr>
      </xdr:nvSpPr>
      <xdr:spPr bwMode="auto">
        <a:xfrm>
          <a:off x="60579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06</xdr:row>
      <xdr:rowOff>0</xdr:rowOff>
    </xdr:from>
    <xdr:ext cx="57150" cy="38100"/>
    <xdr:sp macro="" textlink="">
      <xdr:nvSpPr>
        <xdr:cNvPr id="458" name="Text Box 22"/>
        <xdr:cNvSpPr txBox="1">
          <a:spLocks noChangeArrowheads="1"/>
        </xdr:cNvSpPr>
      </xdr:nvSpPr>
      <xdr:spPr bwMode="auto">
        <a:xfrm>
          <a:off x="57150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6</xdr:row>
      <xdr:rowOff>0</xdr:rowOff>
    </xdr:from>
    <xdr:ext cx="42863" cy="47625"/>
    <xdr:sp macro="" textlink="">
      <xdr:nvSpPr>
        <xdr:cNvPr id="459" name="Text Box 80"/>
        <xdr:cNvSpPr txBox="1">
          <a:spLocks noChangeArrowheads="1"/>
        </xdr:cNvSpPr>
      </xdr:nvSpPr>
      <xdr:spPr bwMode="auto">
        <a:xfrm>
          <a:off x="54864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06</xdr:row>
      <xdr:rowOff>0</xdr:rowOff>
    </xdr:from>
    <xdr:ext cx="42863" cy="47625"/>
    <xdr:sp macro="" textlink="">
      <xdr:nvSpPr>
        <xdr:cNvPr id="460" name="Text Box 117"/>
        <xdr:cNvSpPr txBox="1">
          <a:spLocks noChangeArrowheads="1"/>
        </xdr:cNvSpPr>
      </xdr:nvSpPr>
      <xdr:spPr bwMode="auto">
        <a:xfrm>
          <a:off x="53721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06</xdr:row>
      <xdr:rowOff>0</xdr:rowOff>
    </xdr:from>
    <xdr:ext cx="57150" cy="38100"/>
    <xdr:sp macro="" textlink="">
      <xdr:nvSpPr>
        <xdr:cNvPr id="461" name="Text Box 22"/>
        <xdr:cNvSpPr txBox="1">
          <a:spLocks noChangeArrowheads="1"/>
        </xdr:cNvSpPr>
      </xdr:nvSpPr>
      <xdr:spPr bwMode="auto">
        <a:xfrm>
          <a:off x="60579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306</xdr:row>
      <xdr:rowOff>0</xdr:rowOff>
    </xdr:from>
    <xdr:ext cx="42863" cy="38100"/>
    <xdr:sp macro="" textlink="">
      <xdr:nvSpPr>
        <xdr:cNvPr id="462" name="Text Box 22"/>
        <xdr:cNvSpPr txBox="1">
          <a:spLocks noChangeArrowheads="1"/>
        </xdr:cNvSpPr>
      </xdr:nvSpPr>
      <xdr:spPr bwMode="auto">
        <a:xfrm>
          <a:off x="69723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06</xdr:row>
      <xdr:rowOff>0</xdr:rowOff>
    </xdr:from>
    <xdr:ext cx="57150" cy="38100"/>
    <xdr:sp macro="" textlink="">
      <xdr:nvSpPr>
        <xdr:cNvPr id="463" name="Text Box 22"/>
        <xdr:cNvSpPr txBox="1">
          <a:spLocks noChangeArrowheads="1"/>
        </xdr:cNvSpPr>
      </xdr:nvSpPr>
      <xdr:spPr bwMode="auto">
        <a:xfrm>
          <a:off x="57150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306</xdr:row>
      <xdr:rowOff>0</xdr:rowOff>
    </xdr:from>
    <xdr:ext cx="57150" cy="38100"/>
    <xdr:sp macro="" textlink="">
      <xdr:nvSpPr>
        <xdr:cNvPr id="464" name="Text Box 22"/>
        <xdr:cNvSpPr txBox="1">
          <a:spLocks noChangeArrowheads="1"/>
        </xdr:cNvSpPr>
      </xdr:nvSpPr>
      <xdr:spPr bwMode="auto">
        <a:xfrm>
          <a:off x="66294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306</xdr:row>
      <xdr:rowOff>0</xdr:rowOff>
    </xdr:from>
    <xdr:ext cx="42863" cy="47625"/>
    <xdr:sp macro="" textlink="">
      <xdr:nvSpPr>
        <xdr:cNvPr id="465" name="Text Box 80"/>
        <xdr:cNvSpPr txBox="1">
          <a:spLocks noChangeArrowheads="1"/>
        </xdr:cNvSpPr>
      </xdr:nvSpPr>
      <xdr:spPr bwMode="auto">
        <a:xfrm>
          <a:off x="36576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306</xdr:row>
      <xdr:rowOff>0</xdr:rowOff>
    </xdr:from>
    <xdr:ext cx="42863" cy="47625"/>
    <xdr:sp macro="" textlink="">
      <xdr:nvSpPr>
        <xdr:cNvPr id="466" name="Text Box 117"/>
        <xdr:cNvSpPr txBox="1">
          <a:spLocks noChangeArrowheads="1"/>
        </xdr:cNvSpPr>
      </xdr:nvSpPr>
      <xdr:spPr bwMode="auto">
        <a:xfrm>
          <a:off x="35433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306</xdr:row>
      <xdr:rowOff>0</xdr:rowOff>
    </xdr:from>
    <xdr:ext cx="33337" cy="47625"/>
    <xdr:sp macro="" textlink="">
      <xdr:nvSpPr>
        <xdr:cNvPr id="467" name="Text Box 118"/>
        <xdr:cNvSpPr txBox="1">
          <a:spLocks noChangeArrowheads="1"/>
        </xdr:cNvSpPr>
      </xdr:nvSpPr>
      <xdr:spPr bwMode="auto">
        <a:xfrm>
          <a:off x="3471862" y="9578340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306</xdr:row>
      <xdr:rowOff>0</xdr:rowOff>
    </xdr:from>
    <xdr:ext cx="42863" cy="38100"/>
    <xdr:sp macro="" textlink="">
      <xdr:nvSpPr>
        <xdr:cNvPr id="468" name="Text Box 22"/>
        <xdr:cNvSpPr txBox="1">
          <a:spLocks noChangeArrowheads="1"/>
        </xdr:cNvSpPr>
      </xdr:nvSpPr>
      <xdr:spPr bwMode="auto">
        <a:xfrm>
          <a:off x="33147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306</xdr:row>
      <xdr:rowOff>0</xdr:rowOff>
    </xdr:from>
    <xdr:ext cx="57150" cy="38100"/>
    <xdr:sp macro="" textlink="">
      <xdr:nvSpPr>
        <xdr:cNvPr id="469" name="Text Box 22"/>
        <xdr:cNvSpPr txBox="1">
          <a:spLocks noChangeArrowheads="1"/>
        </xdr:cNvSpPr>
      </xdr:nvSpPr>
      <xdr:spPr bwMode="auto">
        <a:xfrm>
          <a:off x="20574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306</xdr:row>
      <xdr:rowOff>0</xdr:rowOff>
    </xdr:from>
    <xdr:ext cx="57150" cy="38100"/>
    <xdr:sp macro="" textlink="">
      <xdr:nvSpPr>
        <xdr:cNvPr id="470" name="Text Box 22"/>
        <xdr:cNvSpPr txBox="1">
          <a:spLocks noChangeArrowheads="1"/>
        </xdr:cNvSpPr>
      </xdr:nvSpPr>
      <xdr:spPr bwMode="auto">
        <a:xfrm>
          <a:off x="35433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306</xdr:row>
      <xdr:rowOff>0</xdr:rowOff>
    </xdr:from>
    <xdr:ext cx="57150" cy="38100"/>
    <xdr:sp macro="" textlink="">
      <xdr:nvSpPr>
        <xdr:cNvPr id="471" name="Text Box 22"/>
        <xdr:cNvSpPr txBox="1">
          <a:spLocks noChangeArrowheads="1"/>
        </xdr:cNvSpPr>
      </xdr:nvSpPr>
      <xdr:spPr bwMode="auto">
        <a:xfrm>
          <a:off x="51435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306</xdr:row>
      <xdr:rowOff>0</xdr:rowOff>
    </xdr:from>
    <xdr:ext cx="57150" cy="38100"/>
    <xdr:sp macro="" textlink="">
      <xdr:nvSpPr>
        <xdr:cNvPr id="472" name="Text Box 22"/>
        <xdr:cNvSpPr txBox="1">
          <a:spLocks noChangeArrowheads="1"/>
        </xdr:cNvSpPr>
      </xdr:nvSpPr>
      <xdr:spPr bwMode="auto">
        <a:xfrm>
          <a:off x="56007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306</xdr:row>
      <xdr:rowOff>0</xdr:rowOff>
    </xdr:from>
    <xdr:ext cx="61912" cy="38100"/>
    <xdr:sp macro="" textlink="">
      <xdr:nvSpPr>
        <xdr:cNvPr id="473" name="Text Box 80"/>
        <xdr:cNvSpPr txBox="1">
          <a:spLocks noChangeArrowheads="1"/>
        </xdr:cNvSpPr>
      </xdr:nvSpPr>
      <xdr:spPr bwMode="auto">
        <a:xfrm>
          <a:off x="4914900" y="957834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06</xdr:row>
      <xdr:rowOff>0</xdr:rowOff>
    </xdr:from>
    <xdr:ext cx="42862" cy="28575"/>
    <xdr:sp macro="" textlink="">
      <xdr:nvSpPr>
        <xdr:cNvPr id="474" name="Text Box 23"/>
        <xdr:cNvSpPr txBox="1">
          <a:spLocks noChangeArrowheads="1"/>
        </xdr:cNvSpPr>
      </xdr:nvSpPr>
      <xdr:spPr bwMode="auto">
        <a:xfrm>
          <a:off x="5257800" y="957834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306</xdr:row>
      <xdr:rowOff>0</xdr:rowOff>
    </xdr:from>
    <xdr:ext cx="42863" cy="38100"/>
    <xdr:sp macro="" textlink="">
      <xdr:nvSpPr>
        <xdr:cNvPr id="475" name="Text Box 22"/>
        <xdr:cNvSpPr txBox="1">
          <a:spLocks noChangeArrowheads="1"/>
        </xdr:cNvSpPr>
      </xdr:nvSpPr>
      <xdr:spPr bwMode="auto">
        <a:xfrm>
          <a:off x="52578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06</xdr:row>
      <xdr:rowOff>0</xdr:rowOff>
    </xdr:from>
    <xdr:ext cx="42862" cy="28575"/>
    <xdr:sp macro="" textlink="">
      <xdr:nvSpPr>
        <xdr:cNvPr id="476" name="Text Box 23"/>
        <xdr:cNvSpPr txBox="1">
          <a:spLocks noChangeArrowheads="1"/>
        </xdr:cNvSpPr>
      </xdr:nvSpPr>
      <xdr:spPr bwMode="auto">
        <a:xfrm>
          <a:off x="5257800" y="957834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306</xdr:row>
      <xdr:rowOff>0</xdr:rowOff>
    </xdr:from>
    <xdr:ext cx="57150" cy="38100"/>
    <xdr:sp macro="" textlink="">
      <xdr:nvSpPr>
        <xdr:cNvPr id="477" name="Text Box 22"/>
        <xdr:cNvSpPr txBox="1">
          <a:spLocks noChangeArrowheads="1"/>
        </xdr:cNvSpPr>
      </xdr:nvSpPr>
      <xdr:spPr bwMode="auto">
        <a:xfrm>
          <a:off x="42291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6</xdr:row>
      <xdr:rowOff>0</xdr:rowOff>
    </xdr:from>
    <xdr:ext cx="42863" cy="47625"/>
    <xdr:sp macro="" textlink="">
      <xdr:nvSpPr>
        <xdr:cNvPr id="478" name="Text Box 80"/>
        <xdr:cNvSpPr txBox="1">
          <a:spLocks noChangeArrowheads="1"/>
        </xdr:cNvSpPr>
      </xdr:nvSpPr>
      <xdr:spPr bwMode="auto">
        <a:xfrm>
          <a:off x="54864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06</xdr:row>
      <xdr:rowOff>0</xdr:rowOff>
    </xdr:from>
    <xdr:ext cx="57150" cy="38100"/>
    <xdr:sp macro="" textlink="">
      <xdr:nvSpPr>
        <xdr:cNvPr id="479" name="Text Box 22"/>
        <xdr:cNvSpPr txBox="1">
          <a:spLocks noChangeArrowheads="1"/>
        </xdr:cNvSpPr>
      </xdr:nvSpPr>
      <xdr:spPr bwMode="auto">
        <a:xfrm>
          <a:off x="53721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306</xdr:row>
      <xdr:rowOff>0</xdr:rowOff>
    </xdr:from>
    <xdr:ext cx="57150" cy="38100"/>
    <xdr:sp macro="" textlink="">
      <xdr:nvSpPr>
        <xdr:cNvPr id="480" name="Text Box 22"/>
        <xdr:cNvSpPr txBox="1">
          <a:spLocks noChangeArrowheads="1"/>
        </xdr:cNvSpPr>
      </xdr:nvSpPr>
      <xdr:spPr bwMode="auto">
        <a:xfrm>
          <a:off x="68580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306</xdr:row>
      <xdr:rowOff>0</xdr:rowOff>
    </xdr:from>
    <xdr:ext cx="57150" cy="38100"/>
    <xdr:sp macro="" textlink="">
      <xdr:nvSpPr>
        <xdr:cNvPr id="481" name="Text Box 22"/>
        <xdr:cNvSpPr txBox="1">
          <a:spLocks noChangeArrowheads="1"/>
        </xdr:cNvSpPr>
      </xdr:nvSpPr>
      <xdr:spPr bwMode="auto">
        <a:xfrm>
          <a:off x="59436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306</xdr:row>
      <xdr:rowOff>0</xdr:rowOff>
    </xdr:from>
    <xdr:ext cx="57150" cy="38100"/>
    <xdr:sp macro="" textlink="">
      <xdr:nvSpPr>
        <xdr:cNvPr id="482" name="Text Box 22"/>
        <xdr:cNvSpPr txBox="1">
          <a:spLocks noChangeArrowheads="1"/>
        </xdr:cNvSpPr>
      </xdr:nvSpPr>
      <xdr:spPr bwMode="auto">
        <a:xfrm>
          <a:off x="29718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306</xdr:row>
      <xdr:rowOff>0</xdr:rowOff>
    </xdr:from>
    <xdr:ext cx="42863" cy="38100"/>
    <xdr:sp macro="" textlink="">
      <xdr:nvSpPr>
        <xdr:cNvPr id="483" name="Text Box 22"/>
        <xdr:cNvSpPr txBox="1">
          <a:spLocks noChangeArrowheads="1"/>
        </xdr:cNvSpPr>
      </xdr:nvSpPr>
      <xdr:spPr bwMode="auto">
        <a:xfrm>
          <a:off x="51435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306</xdr:row>
      <xdr:rowOff>0</xdr:rowOff>
    </xdr:from>
    <xdr:ext cx="57150" cy="38100"/>
    <xdr:sp macro="" textlink="">
      <xdr:nvSpPr>
        <xdr:cNvPr id="484" name="Text Box 22"/>
        <xdr:cNvSpPr txBox="1">
          <a:spLocks noChangeArrowheads="1"/>
        </xdr:cNvSpPr>
      </xdr:nvSpPr>
      <xdr:spPr bwMode="auto">
        <a:xfrm>
          <a:off x="38862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306</xdr:row>
      <xdr:rowOff>0</xdr:rowOff>
    </xdr:from>
    <xdr:ext cx="57150" cy="38100"/>
    <xdr:sp macro="" textlink="">
      <xdr:nvSpPr>
        <xdr:cNvPr id="485" name="Text Box 22"/>
        <xdr:cNvSpPr txBox="1">
          <a:spLocks noChangeArrowheads="1"/>
        </xdr:cNvSpPr>
      </xdr:nvSpPr>
      <xdr:spPr bwMode="auto">
        <a:xfrm>
          <a:off x="48006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6</xdr:row>
      <xdr:rowOff>0</xdr:rowOff>
    </xdr:from>
    <xdr:ext cx="42863" cy="47625"/>
    <xdr:sp macro="" textlink="">
      <xdr:nvSpPr>
        <xdr:cNvPr id="486" name="Text Box 80"/>
        <xdr:cNvSpPr txBox="1">
          <a:spLocks noChangeArrowheads="1"/>
        </xdr:cNvSpPr>
      </xdr:nvSpPr>
      <xdr:spPr bwMode="auto">
        <a:xfrm>
          <a:off x="54864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06</xdr:row>
      <xdr:rowOff>0</xdr:rowOff>
    </xdr:from>
    <xdr:ext cx="42863" cy="47625"/>
    <xdr:sp macro="" textlink="">
      <xdr:nvSpPr>
        <xdr:cNvPr id="487" name="Text Box 117"/>
        <xdr:cNvSpPr txBox="1">
          <a:spLocks noChangeArrowheads="1"/>
        </xdr:cNvSpPr>
      </xdr:nvSpPr>
      <xdr:spPr bwMode="auto">
        <a:xfrm>
          <a:off x="53721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06</xdr:row>
      <xdr:rowOff>0</xdr:rowOff>
    </xdr:from>
    <xdr:ext cx="57150" cy="38100"/>
    <xdr:sp macro="" textlink="">
      <xdr:nvSpPr>
        <xdr:cNvPr id="488" name="Text Box 22"/>
        <xdr:cNvSpPr txBox="1">
          <a:spLocks noChangeArrowheads="1"/>
        </xdr:cNvSpPr>
      </xdr:nvSpPr>
      <xdr:spPr bwMode="auto">
        <a:xfrm>
          <a:off x="53721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06</xdr:row>
      <xdr:rowOff>0</xdr:rowOff>
    </xdr:from>
    <xdr:ext cx="57150" cy="38100"/>
    <xdr:sp macro="" textlink="">
      <xdr:nvSpPr>
        <xdr:cNvPr id="489" name="Text Box 22"/>
        <xdr:cNvSpPr txBox="1">
          <a:spLocks noChangeArrowheads="1"/>
        </xdr:cNvSpPr>
      </xdr:nvSpPr>
      <xdr:spPr bwMode="auto">
        <a:xfrm>
          <a:off x="60579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06</xdr:row>
      <xdr:rowOff>0</xdr:rowOff>
    </xdr:from>
    <xdr:ext cx="57150" cy="38100"/>
    <xdr:sp macro="" textlink="">
      <xdr:nvSpPr>
        <xdr:cNvPr id="490" name="Text Box 22"/>
        <xdr:cNvSpPr txBox="1">
          <a:spLocks noChangeArrowheads="1"/>
        </xdr:cNvSpPr>
      </xdr:nvSpPr>
      <xdr:spPr bwMode="auto">
        <a:xfrm>
          <a:off x="57150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6</xdr:row>
      <xdr:rowOff>0</xdr:rowOff>
    </xdr:from>
    <xdr:ext cx="42863" cy="47625"/>
    <xdr:sp macro="" textlink="">
      <xdr:nvSpPr>
        <xdr:cNvPr id="491" name="Text Box 80"/>
        <xdr:cNvSpPr txBox="1">
          <a:spLocks noChangeArrowheads="1"/>
        </xdr:cNvSpPr>
      </xdr:nvSpPr>
      <xdr:spPr bwMode="auto">
        <a:xfrm>
          <a:off x="54864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06</xdr:row>
      <xdr:rowOff>0</xdr:rowOff>
    </xdr:from>
    <xdr:ext cx="42863" cy="47625"/>
    <xdr:sp macro="" textlink="">
      <xdr:nvSpPr>
        <xdr:cNvPr id="492" name="Text Box 117"/>
        <xdr:cNvSpPr txBox="1">
          <a:spLocks noChangeArrowheads="1"/>
        </xdr:cNvSpPr>
      </xdr:nvSpPr>
      <xdr:spPr bwMode="auto">
        <a:xfrm>
          <a:off x="53721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06</xdr:row>
      <xdr:rowOff>0</xdr:rowOff>
    </xdr:from>
    <xdr:ext cx="57150" cy="38100"/>
    <xdr:sp macro="" textlink="">
      <xdr:nvSpPr>
        <xdr:cNvPr id="493" name="Text Box 22"/>
        <xdr:cNvSpPr txBox="1">
          <a:spLocks noChangeArrowheads="1"/>
        </xdr:cNvSpPr>
      </xdr:nvSpPr>
      <xdr:spPr bwMode="auto">
        <a:xfrm>
          <a:off x="60579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306</xdr:row>
      <xdr:rowOff>0</xdr:rowOff>
    </xdr:from>
    <xdr:ext cx="42863" cy="38100"/>
    <xdr:sp macro="" textlink="">
      <xdr:nvSpPr>
        <xdr:cNvPr id="494" name="Text Box 22"/>
        <xdr:cNvSpPr txBox="1">
          <a:spLocks noChangeArrowheads="1"/>
        </xdr:cNvSpPr>
      </xdr:nvSpPr>
      <xdr:spPr bwMode="auto">
        <a:xfrm>
          <a:off x="69723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06</xdr:row>
      <xdr:rowOff>0</xdr:rowOff>
    </xdr:from>
    <xdr:ext cx="57150" cy="38100"/>
    <xdr:sp macro="" textlink="">
      <xdr:nvSpPr>
        <xdr:cNvPr id="495" name="Text Box 22"/>
        <xdr:cNvSpPr txBox="1">
          <a:spLocks noChangeArrowheads="1"/>
        </xdr:cNvSpPr>
      </xdr:nvSpPr>
      <xdr:spPr bwMode="auto">
        <a:xfrm>
          <a:off x="57150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306</xdr:row>
      <xdr:rowOff>0</xdr:rowOff>
    </xdr:from>
    <xdr:ext cx="57150" cy="38100"/>
    <xdr:sp macro="" textlink="">
      <xdr:nvSpPr>
        <xdr:cNvPr id="496" name="Text Box 22"/>
        <xdr:cNvSpPr txBox="1">
          <a:spLocks noChangeArrowheads="1"/>
        </xdr:cNvSpPr>
      </xdr:nvSpPr>
      <xdr:spPr bwMode="auto">
        <a:xfrm>
          <a:off x="66294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2</xdr:col>
      <xdr:colOff>114300</xdr:colOff>
      <xdr:row>306</xdr:row>
      <xdr:rowOff>0</xdr:rowOff>
    </xdr:from>
    <xdr:ext cx="42863" cy="47625"/>
    <xdr:sp macro="" textlink="">
      <xdr:nvSpPr>
        <xdr:cNvPr id="497" name="Text Box 80"/>
        <xdr:cNvSpPr txBox="1">
          <a:spLocks noChangeArrowheads="1"/>
        </xdr:cNvSpPr>
      </xdr:nvSpPr>
      <xdr:spPr bwMode="auto">
        <a:xfrm>
          <a:off x="37719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306</xdr:row>
      <xdr:rowOff>0</xdr:rowOff>
    </xdr:from>
    <xdr:ext cx="42863" cy="47625"/>
    <xdr:sp macro="" textlink="">
      <xdr:nvSpPr>
        <xdr:cNvPr id="498" name="Text Box 117"/>
        <xdr:cNvSpPr txBox="1">
          <a:spLocks noChangeArrowheads="1"/>
        </xdr:cNvSpPr>
      </xdr:nvSpPr>
      <xdr:spPr bwMode="auto">
        <a:xfrm>
          <a:off x="36576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42862</xdr:colOff>
      <xdr:row>306</xdr:row>
      <xdr:rowOff>0</xdr:rowOff>
    </xdr:from>
    <xdr:ext cx="33337" cy="47625"/>
    <xdr:sp macro="" textlink="">
      <xdr:nvSpPr>
        <xdr:cNvPr id="499" name="Text Box 118"/>
        <xdr:cNvSpPr txBox="1">
          <a:spLocks noChangeArrowheads="1"/>
        </xdr:cNvSpPr>
      </xdr:nvSpPr>
      <xdr:spPr bwMode="auto">
        <a:xfrm>
          <a:off x="3586162" y="9578340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9</xdr:col>
      <xdr:colOff>114300</xdr:colOff>
      <xdr:row>306</xdr:row>
      <xdr:rowOff>0</xdr:rowOff>
    </xdr:from>
    <xdr:ext cx="42863" cy="38100"/>
    <xdr:sp macro="" textlink="">
      <xdr:nvSpPr>
        <xdr:cNvPr id="500" name="Text Box 22"/>
        <xdr:cNvSpPr txBox="1">
          <a:spLocks noChangeArrowheads="1"/>
        </xdr:cNvSpPr>
      </xdr:nvSpPr>
      <xdr:spPr bwMode="auto">
        <a:xfrm>
          <a:off x="34290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9</xdr:col>
      <xdr:colOff>0</xdr:colOff>
      <xdr:row>306</xdr:row>
      <xdr:rowOff>0</xdr:rowOff>
    </xdr:from>
    <xdr:ext cx="57150" cy="38100"/>
    <xdr:sp macro="" textlink="">
      <xdr:nvSpPr>
        <xdr:cNvPr id="501" name="Text Box 22"/>
        <xdr:cNvSpPr txBox="1">
          <a:spLocks noChangeArrowheads="1"/>
        </xdr:cNvSpPr>
      </xdr:nvSpPr>
      <xdr:spPr bwMode="auto">
        <a:xfrm>
          <a:off x="21717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2</xdr:col>
      <xdr:colOff>0</xdr:colOff>
      <xdr:row>306</xdr:row>
      <xdr:rowOff>0</xdr:rowOff>
    </xdr:from>
    <xdr:ext cx="57150" cy="38100"/>
    <xdr:sp macro="" textlink="">
      <xdr:nvSpPr>
        <xdr:cNvPr id="502" name="Text Box 22"/>
        <xdr:cNvSpPr txBox="1">
          <a:spLocks noChangeArrowheads="1"/>
        </xdr:cNvSpPr>
      </xdr:nvSpPr>
      <xdr:spPr bwMode="auto">
        <a:xfrm>
          <a:off x="36576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06</xdr:row>
      <xdr:rowOff>0</xdr:rowOff>
    </xdr:from>
    <xdr:ext cx="57150" cy="38100"/>
    <xdr:sp macro="" textlink="">
      <xdr:nvSpPr>
        <xdr:cNvPr id="503" name="Text Box 22"/>
        <xdr:cNvSpPr txBox="1">
          <a:spLocks noChangeArrowheads="1"/>
        </xdr:cNvSpPr>
      </xdr:nvSpPr>
      <xdr:spPr bwMode="auto">
        <a:xfrm>
          <a:off x="52578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06</xdr:row>
      <xdr:rowOff>0</xdr:rowOff>
    </xdr:from>
    <xdr:ext cx="57150" cy="38100"/>
    <xdr:sp macro="" textlink="">
      <xdr:nvSpPr>
        <xdr:cNvPr id="504" name="Text Box 22"/>
        <xdr:cNvSpPr txBox="1">
          <a:spLocks noChangeArrowheads="1"/>
        </xdr:cNvSpPr>
      </xdr:nvSpPr>
      <xdr:spPr bwMode="auto">
        <a:xfrm>
          <a:off x="57150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114300</xdr:colOff>
      <xdr:row>306</xdr:row>
      <xdr:rowOff>0</xdr:rowOff>
    </xdr:from>
    <xdr:ext cx="61912" cy="38100"/>
    <xdr:sp macro="" textlink="">
      <xdr:nvSpPr>
        <xdr:cNvPr id="505" name="Text Box 80"/>
        <xdr:cNvSpPr txBox="1">
          <a:spLocks noChangeArrowheads="1"/>
        </xdr:cNvSpPr>
      </xdr:nvSpPr>
      <xdr:spPr bwMode="auto">
        <a:xfrm>
          <a:off x="5029200" y="957834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06</xdr:row>
      <xdr:rowOff>0</xdr:rowOff>
    </xdr:from>
    <xdr:ext cx="42862" cy="28575"/>
    <xdr:sp macro="" textlink="">
      <xdr:nvSpPr>
        <xdr:cNvPr id="506" name="Text Box 23"/>
        <xdr:cNvSpPr txBox="1">
          <a:spLocks noChangeArrowheads="1"/>
        </xdr:cNvSpPr>
      </xdr:nvSpPr>
      <xdr:spPr bwMode="auto">
        <a:xfrm>
          <a:off x="5372100" y="957834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06</xdr:row>
      <xdr:rowOff>0</xdr:rowOff>
    </xdr:from>
    <xdr:ext cx="42863" cy="38100"/>
    <xdr:sp macro="" textlink="">
      <xdr:nvSpPr>
        <xdr:cNvPr id="507" name="Text Box 22"/>
        <xdr:cNvSpPr txBox="1">
          <a:spLocks noChangeArrowheads="1"/>
        </xdr:cNvSpPr>
      </xdr:nvSpPr>
      <xdr:spPr bwMode="auto">
        <a:xfrm>
          <a:off x="53721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06</xdr:row>
      <xdr:rowOff>0</xdr:rowOff>
    </xdr:from>
    <xdr:ext cx="42862" cy="28575"/>
    <xdr:sp macro="" textlink="">
      <xdr:nvSpPr>
        <xdr:cNvPr id="508" name="Text Box 23"/>
        <xdr:cNvSpPr txBox="1">
          <a:spLocks noChangeArrowheads="1"/>
        </xdr:cNvSpPr>
      </xdr:nvSpPr>
      <xdr:spPr bwMode="auto">
        <a:xfrm>
          <a:off x="5372100" y="957834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8</xdr:col>
      <xdr:colOff>0</xdr:colOff>
      <xdr:row>306</xdr:row>
      <xdr:rowOff>0</xdr:rowOff>
    </xdr:from>
    <xdr:ext cx="57150" cy="38100"/>
    <xdr:sp macro="" textlink="">
      <xdr:nvSpPr>
        <xdr:cNvPr id="509" name="Text Box 22"/>
        <xdr:cNvSpPr txBox="1">
          <a:spLocks noChangeArrowheads="1"/>
        </xdr:cNvSpPr>
      </xdr:nvSpPr>
      <xdr:spPr bwMode="auto">
        <a:xfrm>
          <a:off x="43434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8</xdr:col>
      <xdr:colOff>114300</xdr:colOff>
      <xdr:row>306</xdr:row>
      <xdr:rowOff>0</xdr:rowOff>
    </xdr:from>
    <xdr:ext cx="42863" cy="47625"/>
    <xdr:sp macro="" textlink="">
      <xdr:nvSpPr>
        <xdr:cNvPr id="510" name="Text Box 80"/>
        <xdr:cNvSpPr txBox="1">
          <a:spLocks noChangeArrowheads="1"/>
        </xdr:cNvSpPr>
      </xdr:nvSpPr>
      <xdr:spPr bwMode="auto">
        <a:xfrm>
          <a:off x="56007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8</xdr:col>
      <xdr:colOff>0</xdr:colOff>
      <xdr:row>306</xdr:row>
      <xdr:rowOff>0</xdr:rowOff>
    </xdr:from>
    <xdr:ext cx="57150" cy="38100"/>
    <xdr:sp macro="" textlink="">
      <xdr:nvSpPr>
        <xdr:cNvPr id="511" name="Text Box 22"/>
        <xdr:cNvSpPr txBox="1">
          <a:spLocks noChangeArrowheads="1"/>
        </xdr:cNvSpPr>
      </xdr:nvSpPr>
      <xdr:spPr bwMode="auto">
        <a:xfrm>
          <a:off x="54864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1</xdr:col>
      <xdr:colOff>0</xdr:colOff>
      <xdr:row>306</xdr:row>
      <xdr:rowOff>0</xdr:rowOff>
    </xdr:from>
    <xdr:ext cx="57150" cy="38100"/>
    <xdr:sp macro="" textlink="">
      <xdr:nvSpPr>
        <xdr:cNvPr id="512" name="Text Box 22"/>
        <xdr:cNvSpPr txBox="1">
          <a:spLocks noChangeArrowheads="1"/>
        </xdr:cNvSpPr>
      </xdr:nvSpPr>
      <xdr:spPr bwMode="auto">
        <a:xfrm>
          <a:off x="69723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06</xdr:row>
      <xdr:rowOff>0</xdr:rowOff>
    </xdr:from>
    <xdr:ext cx="57150" cy="38100"/>
    <xdr:sp macro="" textlink="">
      <xdr:nvSpPr>
        <xdr:cNvPr id="513" name="Text Box 22"/>
        <xdr:cNvSpPr txBox="1">
          <a:spLocks noChangeArrowheads="1"/>
        </xdr:cNvSpPr>
      </xdr:nvSpPr>
      <xdr:spPr bwMode="auto">
        <a:xfrm>
          <a:off x="60579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7</xdr:col>
      <xdr:colOff>0</xdr:colOff>
      <xdr:row>306</xdr:row>
      <xdr:rowOff>0</xdr:rowOff>
    </xdr:from>
    <xdr:ext cx="57150" cy="38100"/>
    <xdr:sp macro="" textlink="">
      <xdr:nvSpPr>
        <xdr:cNvPr id="514" name="Text Box 22"/>
        <xdr:cNvSpPr txBox="1">
          <a:spLocks noChangeArrowheads="1"/>
        </xdr:cNvSpPr>
      </xdr:nvSpPr>
      <xdr:spPr bwMode="auto">
        <a:xfrm>
          <a:off x="30861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306</xdr:row>
      <xdr:rowOff>0</xdr:rowOff>
    </xdr:from>
    <xdr:ext cx="42863" cy="38100"/>
    <xdr:sp macro="" textlink="">
      <xdr:nvSpPr>
        <xdr:cNvPr id="515" name="Text Box 22"/>
        <xdr:cNvSpPr txBox="1">
          <a:spLocks noChangeArrowheads="1"/>
        </xdr:cNvSpPr>
      </xdr:nvSpPr>
      <xdr:spPr bwMode="auto">
        <a:xfrm>
          <a:off x="52578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5</xdr:col>
      <xdr:colOff>0</xdr:colOff>
      <xdr:row>306</xdr:row>
      <xdr:rowOff>0</xdr:rowOff>
    </xdr:from>
    <xdr:ext cx="57150" cy="38100"/>
    <xdr:sp macro="" textlink="">
      <xdr:nvSpPr>
        <xdr:cNvPr id="516" name="Text Box 22"/>
        <xdr:cNvSpPr txBox="1">
          <a:spLocks noChangeArrowheads="1"/>
        </xdr:cNvSpPr>
      </xdr:nvSpPr>
      <xdr:spPr bwMode="auto">
        <a:xfrm>
          <a:off x="40005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0</xdr:colOff>
      <xdr:row>306</xdr:row>
      <xdr:rowOff>0</xdr:rowOff>
    </xdr:from>
    <xdr:ext cx="57150" cy="38100"/>
    <xdr:sp macro="" textlink="">
      <xdr:nvSpPr>
        <xdr:cNvPr id="517" name="Text Box 22"/>
        <xdr:cNvSpPr txBox="1">
          <a:spLocks noChangeArrowheads="1"/>
        </xdr:cNvSpPr>
      </xdr:nvSpPr>
      <xdr:spPr bwMode="auto">
        <a:xfrm>
          <a:off x="49149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8</xdr:col>
      <xdr:colOff>114300</xdr:colOff>
      <xdr:row>306</xdr:row>
      <xdr:rowOff>0</xdr:rowOff>
    </xdr:from>
    <xdr:ext cx="42863" cy="47625"/>
    <xdr:sp macro="" textlink="">
      <xdr:nvSpPr>
        <xdr:cNvPr id="518" name="Text Box 80"/>
        <xdr:cNvSpPr txBox="1">
          <a:spLocks noChangeArrowheads="1"/>
        </xdr:cNvSpPr>
      </xdr:nvSpPr>
      <xdr:spPr bwMode="auto">
        <a:xfrm>
          <a:off x="56007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6</xdr:row>
      <xdr:rowOff>0</xdr:rowOff>
    </xdr:from>
    <xdr:ext cx="42863" cy="47625"/>
    <xdr:sp macro="" textlink="">
      <xdr:nvSpPr>
        <xdr:cNvPr id="519" name="Text Box 117"/>
        <xdr:cNvSpPr txBox="1">
          <a:spLocks noChangeArrowheads="1"/>
        </xdr:cNvSpPr>
      </xdr:nvSpPr>
      <xdr:spPr bwMode="auto">
        <a:xfrm>
          <a:off x="54864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8</xdr:col>
      <xdr:colOff>0</xdr:colOff>
      <xdr:row>306</xdr:row>
      <xdr:rowOff>0</xdr:rowOff>
    </xdr:from>
    <xdr:ext cx="57150" cy="38100"/>
    <xdr:sp macro="" textlink="">
      <xdr:nvSpPr>
        <xdr:cNvPr id="520" name="Text Box 22"/>
        <xdr:cNvSpPr txBox="1">
          <a:spLocks noChangeArrowheads="1"/>
        </xdr:cNvSpPr>
      </xdr:nvSpPr>
      <xdr:spPr bwMode="auto">
        <a:xfrm>
          <a:off x="54864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4</xdr:col>
      <xdr:colOff>0</xdr:colOff>
      <xdr:row>306</xdr:row>
      <xdr:rowOff>0</xdr:rowOff>
    </xdr:from>
    <xdr:ext cx="57150" cy="38100"/>
    <xdr:sp macro="" textlink="">
      <xdr:nvSpPr>
        <xdr:cNvPr id="521" name="Text Box 22"/>
        <xdr:cNvSpPr txBox="1">
          <a:spLocks noChangeArrowheads="1"/>
        </xdr:cNvSpPr>
      </xdr:nvSpPr>
      <xdr:spPr bwMode="auto">
        <a:xfrm>
          <a:off x="61722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1</xdr:col>
      <xdr:colOff>0</xdr:colOff>
      <xdr:row>306</xdr:row>
      <xdr:rowOff>0</xdr:rowOff>
    </xdr:from>
    <xdr:ext cx="57150" cy="38100"/>
    <xdr:sp macro="" textlink="">
      <xdr:nvSpPr>
        <xdr:cNvPr id="522" name="Text Box 22"/>
        <xdr:cNvSpPr txBox="1">
          <a:spLocks noChangeArrowheads="1"/>
        </xdr:cNvSpPr>
      </xdr:nvSpPr>
      <xdr:spPr bwMode="auto">
        <a:xfrm>
          <a:off x="58293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8</xdr:col>
      <xdr:colOff>114300</xdr:colOff>
      <xdr:row>306</xdr:row>
      <xdr:rowOff>0</xdr:rowOff>
    </xdr:from>
    <xdr:ext cx="42863" cy="47625"/>
    <xdr:sp macro="" textlink="">
      <xdr:nvSpPr>
        <xdr:cNvPr id="523" name="Text Box 80"/>
        <xdr:cNvSpPr txBox="1">
          <a:spLocks noChangeArrowheads="1"/>
        </xdr:cNvSpPr>
      </xdr:nvSpPr>
      <xdr:spPr bwMode="auto">
        <a:xfrm>
          <a:off x="56007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6</xdr:row>
      <xdr:rowOff>0</xdr:rowOff>
    </xdr:from>
    <xdr:ext cx="42863" cy="47625"/>
    <xdr:sp macro="" textlink="">
      <xdr:nvSpPr>
        <xdr:cNvPr id="524" name="Text Box 117"/>
        <xdr:cNvSpPr txBox="1">
          <a:spLocks noChangeArrowheads="1"/>
        </xdr:cNvSpPr>
      </xdr:nvSpPr>
      <xdr:spPr bwMode="auto">
        <a:xfrm>
          <a:off x="54864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4</xdr:col>
      <xdr:colOff>0</xdr:colOff>
      <xdr:row>306</xdr:row>
      <xdr:rowOff>0</xdr:rowOff>
    </xdr:from>
    <xdr:ext cx="57150" cy="38100"/>
    <xdr:sp macro="" textlink="">
      <xdr:nvSpPr>
        <xdr:cNvPr id="525" name="Text Box 22"/>
        <xdr:cNvSpPr txBox="1">
          <a:spLocks noChangeArrowheads="1"/>
        </xdr:cNvSpPr>
      </xdr:nvSpPr>
      <xdr:spPr bwMode="auto">
        <a:xfrm>
          <a:off x="61722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1</xdr:col>
      <xdr:colOff>114300</xdr:colOff>
      <xdr:row>306</xdr:row>
      <xdr:rowOff>0</xdr:rowOff>
    </xdr:from>
    <xdr:ext cx="42863" cy="38100"/>
    <xdr:sp macro="" textlink="">
      <xdr:nvSpPr>
        <xdr:cNvPr id="526" name="Text Box 22"/>
        <xdr:cNvSpPr txBox="1">
          <a:spLocks noChangeArrowheads="1"/>
        </xdr:cNvSpPr>
      </xdr:nvSpPr>
      <xdr:spPr bwMode="auto">
        <a:xfrm>
          <a:off x="70866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1</xdr:col>
      <xdr:colOff>0</xdr:colOff>
      <xdr:row>306</xdr:row>
      <xdr:rowOff>0</xdr:rowOff>
    </xdr:from>
    <xdr:ext cx="57150" cy="38100"/>
    <xdr:sp macro="" textlink="">
      <xdr:nvSpPr>
        <xdr:cNvPr id="527" name="Text Box 22"/>
        <xdr:cNvSpPr txBox="1">
          <a:spLocks noChangeArrowheads="1"/>
        </xdr:cNvSpPr>
      </xdr:nvSpPr>
      <xdr:spPr bwMode="auto">
        <a:xfrm>
          <a:off x="58293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9</xdr:col>
      <xdr:colOff>0</xdr:colOff>
      <xdr:row>306</xdr:row>
      <xdr:rowOff>0</xdr:rowOff>
    </xdr:from>
    <xdr:ext cx="57150" cy="38100"/>
    <xdr:sp macro="" textlink="">
      <xdr:nvSpPr>
        <xdr:cNvPr id="528" name="Text Box 22"/>
        <xdr:cNvSpPr txBox="1">
          <a:spLocks noChangeArrowheads="1"/>
        </xdr:cNvSpPr>
      </xdr:nvSpPr>
      <xdr:spPr bwMode="auto">
        <a:xfrm>
          <a:off x="67437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306</xdr:row>
      <xdr:rowOff>0</xdr:rowOff>
    </xdr:from>
    <xdr:ext cx="42863" cy="47625"/>
    <xdr:sp macro="" textlink="">
      <xdr:nvSpPr>
        <xdr:cNvPr id="529" name="Text Box 80"/>
        <xdr:cNvSpPr txBox="1">
          <a:spLocks noChangeArrowheads="1"/>
        </xdr:cNvSpPr>
      </xdr:nvSpPr>
      <xdr:spPr bwMode="auto">
        <a:xfrm>
          <a:off x="36576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306</xdr:row>
      <xdr:rowOff>0</xdr:rowOff>
    </xdr:from>
    <xdr:ext cx="42863" cy="47625"/>
    <xdr:sp macro="" textlink="">
      <xdr:nvSpPr>
        <xdr:cNvPr id="530" name="Text Box 117"/>
        <xdr:cNvSpPr txBox="1">
          <a:spLocks noChangeArrowheads="1"/>
        </xdr:cNvSpPr>
      </xdr:nvSpPr>
      <xdr:spPr bwMode="auto">
        <a:xfrm>
          <a:off x="35433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306</xdr:row>
      <xdr:rowOff>0</xdr:rowOff>
    </xdr:from>
    <xdr:ext cx="33337" cy="47625"/>
    <xdr:sp macro="" textlink="">
      <xdr:nvSpPr>
        <xdr:cNvPr id="531" name="Text Box 118"/>
        <xdr:cNvSpPr txBox="1">
          <a:spLocks noChangeArrowheads="1"/>
        </xdr:cNvSpPr>
      </xdr:nvSpPr>
      <xdr:spPr bwMode="auto">
        <a:xfrm>
          <a:off x="3471862" y="9578340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306</xdr:row>
      <xdr:rowOff>0</xdr:rowOff>
    </xdr:from>
    <xdr:ext cx="42863" cy="38100"/>
    <xdr:sp macro="" textlink="">
      <xdr:nvSpPr>
        <xdr:cNvPr id="532" name="Text Box 22"/>
        <xdr:cNvSpPr txBox="1">
          <a:spLocks noChangeArrowheads="1"/>
        </xdr:cNvSpPr>
      </xdr:nvSpPr>
      <xdr:spPr bwMode="auto">
        <a:xfrm>
          <a:off x="33147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306</xdr:row>
      <xdr:rowOff>0</xdr:rowOff>
    </xdr:from>
    <xdr:ext cx="57150" cy="38100"/>
    <xdr:sp macro="" textlink="">
      <xdr:nvSpPr>
        <xdr:cNvPr id="533" name="Text Box 22"/>
        <xdr:cNvSpPr txBox="1">
          <a:spLocks noChangeArrowheads="1"/>
        </xdr:cNvSpPr>
      </xdr:nvSpPr>
      <xdr:spPr bwMode="auto">
        <a:xfrm>
          <a:off x="20574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306</xdr:row>
      <xdr:rowOff>0</xdr:rowOff>
    </xdr:from>
    <xdr:ext cx="57150" cy="38100"/>
    <xdr:sp macro="" textlink="">
      <xdr:nvSpPr>
        <xdr:cNvPr id="534" name="Text Box 22"/>
        <xdr:cNvSpPr txBox="1">
          <a:spLocks noChangeArrowheads="1"/>
        </xdr:cNvSpPr>
      </xdr:nvSpPr>
      <xdr:spPr bwMode="auto">
        <a:xfrm>
          <a:off x="35433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306</xdr:row>
      <xdr:rowOff>0</xdr:rowOff>
    </xdr:from>
    <xdr:ext cx="57150" cy="38100"/>
    <xdr:sp macro="" textlink="">
      <xdr:nvSpPr>
        <xdr:cNvPr id="535" name="Text Box 22"/>
        <xdr:cNvSpPr txBox="1">
          <a:spLocks noChangeArrowheads="1"/>
        </xdr:cNvSpPr>
      </xdr:nvSpPr>
      <xdr:spPr bwMode="auto">
        <a:xfrm>
          <a:off x="51435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306</xdr:row>
      <xdr:rowOff>0</xdr:rowOff>
    </xdr:from>
    <xdr:ext cx="57150" cy="38100"/>
    <xdr:sp macro="" textlink="">
      <xdr:nvSpPr>
        <xdr:cNvPr id="536" name="Text Box 22"/>
        <xdr:cNvSpPr txBox="1">
          <a:spLocks noChangeArrowheads="1"/>
        </xdr:cNvSpPr>
      </xdr:nvSpPr>
      <xdr:spPr bwMode="auto">
        <a:xfrm>
          <a:off x="56007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306</xdr:row>
      <xdr:rowOff>0</xdr:rowOff>
    </xdr:from>
    <xdr:ext cx="61912" cy="38100"/>
    <xdr:sp macro="" textlink="">
      <xdr:nvSpPr>
        <xdr:cNvPr id="537" name="Text Box 80"/>
        <xdr:cNvSpPr txBox="1">
          <a:spLocks noChangeArrowheads="1"/>
        </xdr:cNvSpPr>
      </xdr:nvSpPr>
      <xdr:spPr bwMode="auto">
        <a:xfrm>
          <a:off x="4914900" y="957834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06</xdr:row>
      <xdr:rowOff>0</xdr:rowOff>
    </xdr:from>
    <xdr:ext cx="42862" cy="28575"/>
    <xdr:sp macro="" textlink="">
      <xdr:nvSpPr>
        <xdr:cNvPr id="538" name="Text Box 23"/>
        <xdr:cNvSpPr txBox="1">
          <a:spLocks noChangeArrowheads="1"/>
        </xdr:cNvSpPr>
      </xdr:nvSpPr>
      <xdr:spPr bwMode="auto">
        <a:xfrm>
          <a:off x="5257800" y="957834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306</xdr:row>
      <xdr:rowOff>0</xdr:rowOff>
    </xdr:from>
    <xdr:ext cx="42863" cy="38100"/>
    <xdr:sp macro="" textlink="">
      <xdr:nvSpPr>
        <xdr:cNvPr id="539" name="Text Box 22"/>
        <xdr:cNvSpPr txBox="1">
          <a:spLocks noChangeArrowheads="1"/>
        </xdr:cNvSpPr>
      </xdr:nvSpPr>
      <xdr:spPr bwMode="auto">
        <a:xfrm>
          <a:off x="52578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06</xdr:row>
      <xdr:rowOff>0</xdr:rowOff>
    </xdr:from>
    <xdr:ext cx="42862" cy="28575"/>
    <xdr:sp macro="" textlink="">
      <xdr:nvSpPr>
        <xdr:cNvPr id="540" name="Text Box 23"/>
        <xdr:cNvSpPr txBox="1">
          <a:spLocks noChangeArrowheads="1"/>
        </xdr:cNvSpPr>
      </xdr:nvSpPr>
      <xdr:spPr bwMode="auto">
        <a:xfrm>
          <a:off x="5257800" y="957834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306</xdr:row>
      <xdr:rowOff>0</xdr:rowOff>
    </xdr:from>
    <xdr:ext cx="57150" cy="38100"/>
    <xdr:sp macro="" textlink="">
      <xdr:nvSpPr>
        <xdr:cNvPr id="541" name="Text Box 22"/>
        <xdr:cNvSpPr txBox="1">
          <a:spLocks noChangeArrowheads="1"/>
        </xdr:cNvSpPr>
      </xdr:nvSpPr>
      <xdr:spPr bwMode="auto">
        <a:xfrm>
          <a:off x="42291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6</xdr:row>
      <xdr:rowOff>0</xdr:rowOff>
    </xdr:from>
    <xdr:ext cx="42863" cy="47625"/>
    <xdr:sp macro="" textlink="">
      <xdr:nvSpPr>
        <xdr:cNvPr id="542" name="Text Box 80"/>
        <xdr:cNvSpPr txBox="1">
          <a:spLocks noChangeArrowheads="1"/>
        </xdr:cNvSpPr>
      </xdr:nvSpPr>
      <xdr:spPr bwMode="auto">
        <a:xfrm>
          <a:off x="54864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06</xdr:row>
      <xdr:rowOff>0</xdr:rowOff>
    </xdr:from>
    <xdr:ext cx="57150" cy="38100"/>
    <xdr:sp macro="" textlink="">
      <xdr:nvSpPr>
        <xdr:cNvPr id="543" name="Text Box 22"/>
        <xdr:cNvSpPr txBox="1">
          <a:spLocks noChangeArrowheads="1"/>
        </xdr:cNvSpPr>
      </xdr:nvSpPr>
      <xdr:spPr bwMode="auto">
        <a:xfrm>
          <a:off x="53721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306</xdr:row>
      <xdr:rowOff>0</xdr:rowOff>
    </xdr:from>
    <xdr:ext cx="57150" cy="38100"/>
    <xdr:sp macro="" textlink="">
      <xdr:nvSpPr>
        <xdr:cNvPr id="544" name="Text Box 22"/>
        <xdr:cNvSpPr txBox="1">
          <a:spLocks noChangeArrowheads="1"/>
        </xdr:cNvSpPr>
      </xdr:nvSpPr>
      <xdr:spPr bwMode="auto">
        <a:xfrm>
          <a:off x="68580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306</xdr:row>
      <xdr:rowOff>0</xdr:rowOff>
    </xdr:from>
    <xdr:ext cx="57150" cy="38100"/>
    <xdr:sp macro="" textlink="">
      <xdr:nvSpPr>
        <xdr:cNvPr id="545" name="Text Box 22"/>
        <xdr:cNvSpPr txBox="1">
          <a:spLocks noChangeArrowheads="1"/>
        </xdr:cNvSpPr>
      </xdr:nvSpPr>
      <xdr:spPr bwMode="auto">
        <a:xfrm>
          <a:off x="59436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306</xdr:row>
      <xdr:rowOff>0</xdr:rowOff>
    </xdr:from>
    <xdr:ext cx="57150" cy="38100"/>
    <xdr:sp macro="" textlink="">
      <xdr:nvSpPr>
        <xdr:cNvPr id="546" name="Text Box 22"/>
        <xdr:cNvSpPr txBox="1">
          <a:spLocks noChangeArrowheads="1"/>
        </xdr:cNvSpPr>
      </xdr:nvSpPr>
      <xdr:spPr bwMode="auto">
        <a:xfrm>
          <a:off x="29718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306</xdr:row>
      <xdr:rowOff>0</xdr:rowOff>
    </xdr:from>
    <xdr:ext cx="42863" cy="38100"/>
    <xdr:sp macro="" textlink="">
      <xdr:nvSpPr>
        <xdr:cNvPr id="547" name="Text Box 22"/>
        <xdr:cNvSpPr txBox="1">
          <a:spLocks noChangeArrowheads="1"/>
        </xdr:cNvSpPr>
      </xdr:nvSpPr>
      <xdr:spPr bwMode="auto">
        <a:xfrm>
          <a:off x="51435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306</xdr:row>
      <xdr:rowOff>0</xdr:rowOff>
    </xdr:from>
    <xdr:ext cx="57150" cy="38100"/>
    <xdr:sp macro="" textlink="">
      <xdr:nvSpPr>
        <xdr:cNvPr id="548" name="Text Box 22"/>
        <xdr:cNvSpPr txBox="1">
          <a:spLocks noChangeArrowheads="1"/>
        </xdr:cNvSpPr>
      </xdr:nvSpPr>
      <xdr:spPr bwMode="auto">
        <a:xfrm>
          <a:off x="38862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306</xdr:row>
      <xdr:rowOff>0</xdr:rowOff>
    </xdr:from>
    <xdr:ext cx="57150" cy="38100"/>
    <xdr:sp macro="" textlink="">
      <xdr:nvSpPr>
        <xdr:cNvPr id="549" name="Text Box 22"/>
        <xdr:cNvSpPr txBox="1">
          <a:spLocks noChangeArrowheads="1"/>
        </xdr:cNvSpPr>
      </xdr:nvSpPr>
      <xdr:spPr bwMode="auto">
        <a:xfrm>
          <a:off x="48006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6</xdr:row>
      <xdr:rowOff>0</xdr:rowOff>
    </xdr:from>
    <xdr:ext cx="42863" cy="47625"/>
    <xdr:sp macro="" textlink="">
      <xdr:nvSpPr>
        <xdr:cNvPr id="550" name="Text Box 80"/>
        <xdr:cNvSpPr txBox="1">
          <a:spLocks noChangeArrowheads="1"/>
        </xdr:cNvSpPr>
      </xdr:nvSpPr>
      <xdr:spPr bwMode="auto">
        <a:xfrm>
          <a:off x="54864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06</xdr:row>
      <xdr:rowOff>0</xdr:rowOff>
    </xdr:from>
    <xdr:ext cx="42863" cy="47625"/>
    <xdr:sp macro="" textlink="">
      <xdr:nvSpPr>
        <xdr:cNvPr id="551" name="Text Box 117"/>
        <xdr:cNvSpPr txBox="1">
          <a:spLocks noChangeArrowheads="1"/>
        </xdr:cNvSpPr>
      </xdr:nvSpPr>
      <xdr:spPr bwMode="auto">
        <a:xfrm>
          <a:off x="53721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06</xdr:row>
      <xdr:rowOff>0</xdr:rowOff>
    </xdr:from>
    <xdr:ext cx="57150" cy="38100"/>
    <xdr:sp macro="" textlink="">
      <xdr:nvSpPr>
        <xdr:cNvPr id="552" name="Text Box 22"/>
        <xdr:cNvSpPr txBox="1">
          <a:spLocks noChangeArrowheads="1"/>
        </xdr:cNvSpPr>
      </xdr:nvSpPr>
      <xdr:spPr bwMode="auto">
        <a:xfrm>
          <a:off x="53721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06</xdr:row>
      <xdr:rowOff>0</xdr:rowOff>
    </xdr:from>
    <xdr:ext cx="57150" cy="38100"/>
    <xdr:sp macro="" textlink="">
      <xdr:nvSpPr>
        <xdr:cNvPr id="553" name="Text Box 22"/>
        <xdr:cNvSpPr txBox="1">
          <a:spLocks noChangeArrowheads="1"/>
        </xdr:cNvSpPr>
      </xdr:nvSpPr>
      <xdr:spPr bwMode="auto">
        <a:xfrm>
          <a:off x="60579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06</xdr:row>
      <xdr:rowOff>0</xdr:rowOff>
    </xdr:from>
    <xdr:ext cx="57150" cy="38100"/>
    <xdr:sp macro="" textlink="">
      <xdr:nvSpPr>
        <xdr:cNvPr id="554" name="Text Box 22"/>
        <xdr:cNvSpPr txBox="1">
          <a:spLocks noChangeArrowheads="1"/>
        </xdr:cNvSpPr>
      </xdr:nvSpPr>
      <xdr:spPr bwMode="auto">
        <a:xfrm>
          <a:off x="57150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06</xdr:row>
      <xdr:rowOff>0</xdr:rowOff>
    </xdr:from>
    <xdr:ext cx="42863" cy="47625"/>
    <xdr:sp macro="" textlink="">
      <xdr:nvSpPr>
        <xdr:cNvPr id="555" name="Text Box 80"/>
        <xdr:cNvSpPr txBox="1">
          <a:spLocks noChangeArrowheads="1"/>
        </xdr:cNvSpPr>
      </xdr:nvSpPr>
      <xdr:spPr bwMode="auto">
        <a:xfrm>
          <a:off x="54864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06</xdr:row>
      <xdr:rowOff>0</xdr:rowOff>
    </xdr:from>
    <xdr:ext cx="42863" cy="47625"/>
    <xdr:sp macro="" textlink="">
      <xdr:nvSpPr>
        <xdr:cNvPr id="556" name="Text Box 117"/>
        <xdr:cNvSpPr txBox="1">
          <a:spLocks noChangeArrowheads="1"/>
        </xdr:cNvSpPr>
      </xdr:nvSpPr>
      <xdr:spPr bwMode="auto">
        <a:xfrm>
          <a:off x="5372100" y="95783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06</xdr:row>
      <xdr:rowOff>0</xdr:rowOff>
    </xdr:from>
    <xdr:ext cx="57150" cy="38100"/>
    <xdr:sp macro="" textlink="">
      <xdr:nvSpPr>
        <xdr:cNvPr id="557" name="Text Box 22"/>
        <xdr:cNvSpPr txBox="1">
          <a:spLocks noChangeArrowheads="1"/>
        </xdr:cNvSpPr>
      </xdr:nvSpPr>
      <xdr:spPr bwMode="auto">
        <a:xfrm>
          <a:off x="60579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306</xdr:row>
      <xdr:rowOff>0</xdr:rowOff>
    </xdr:from>
    <xdr:ext cx="42863" cy="38100"/>
    <xdr:sp macro="" textlink="">
      <xdr:nvSpPr>
        <xdr:cNvPr id="558" name="Text Box 22"/>
        <xdr:cNvSpPr txBox="1">
          <a:spLocks noChangeArrowheads="1"/>
        </xdr:cNvSpPr>
      </xdr:nvSpPr>
      <xdr:spPr bwMode="auto">
        <a:xfrm>
          <a:off x="6972300" y="95783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06</xdr:row>
      <xdr:rowOff>0</xdr:rowOff>
    </xdr:from>
    <xdr:ext cx="57150" cy="38100"/>
    <xdr:sp macro="" textlink="">
      <xdr:nvSpPr>
        <xdr:cNvPr id="559" name="Text Box 22"/>
        <xdr:cNvSpPr txBox="1">
          <a:spLocks noChangeArrowheads="1"/>
        </xdr:cNvSpPr>
      </xdr:nvSpPr>
      <xdr:spPr bwMode="auto">
        <a:xfrm>
          <a:off x="57150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306</xdr:row>
      <xdr:rowOff>0</xdr:rowOff>
    </xdr:from>
    <xdr:ext cx="57150" cy="38100"/>
    <xdr:sp macro="" textlink="">
      <xdr:nvSpPr>
        <xdr:cNvPr id="560" name="Text Box 22"/>
        <xdr:cNvSpPr txBox="1">
          <a:spLocks noChangeArrowheads="1"/>
        </xdr:cNvSpPr>
      </xdr:nvSpPr>
      <xdr:spPr bwMode="auto">
        <a:xfrm>
          <a:off x="6629400" y="95783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1</xdr:col>
      <xdr:colOff>47625</xdr:colOff>
      <xdr:row>348</xdr:row>
      <xdr:rowOff>142875</xdr:rowOff>
    </xdr:from>
    <xdr:to>
      <xdr:col>2</xdr:col>
      <xdr:colOff>89388</xdr:colOff>
      <xdr:row>348</xdr:row>
      <xdr:rowOff>298177</xdr:rowOff>
    </xdr:to>
    <xdr:sp macro="" textlink="">
      <xdr:nvSpPr>
        <xdr:cNvPr id="565" name="円/楕円 407"/>
        <xdr:cNvSpPr/>
      </xdr:nvSpPr>
      <xdr:spPr bwMode="auto">
        <a:xfrm>
          <a:off x="161925" y="120409335"/>
          <a:ext cx="156063"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1</xdr:col>
      <xdr:colOff>114300</xdr:colOff>
      <xdr:row>16</xdr:row>
      <xdr:rowOff>0</xdr:rowOff>
    </xdr:from>
    <xdr:ext cx="61912" cy="38100"/>
    <xdr:sp macro="" textlink="">
      <xdr:nvSpPr>
        <xdr:cNvPr id="561" name="Text Box 80"/>
        <xdr:cNvSpPr txBox="1">
          <a:spLocks noChangeArrowheads="1"/>
        </xdr:cNvSpPr>
      </xdr:nvSpPr>
      <xdr:spPr bwMode="auto">
        <a:xfrm>
          <a:off x="2583180" y="47320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2</xdr:row>
      <xdr:rowOff>0</xdr:rowOff>
    </xdr:from>
    <xdr:ext cx="42863" cy="47625"/>
    <xdr:sp macro="" textlink="">
      <xdr:nvSpPr>
        <xdr:cNvPr id="562" name="Text Box 80"/>
        <xdr:cNvSpPr txBox="1">
          <a:spLocks noChangeArrowheads="1"/>
        </xdr:cNvSpPr>
      </xdr:nvSpPr>
      <xdr:spPr bwMode="auto">
        <a:xfrm>
          <a:off x="36576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2</xdr:row>
      <xdr:rowOff>0</xdr:rowOff>
    </xdr:from>
    <xdr:ext cx="42863" cy="47625"/>
    <xdr:sp macro="" textlink="">
      <xdr:nvSpPr>
        <xdr:cNvPr id="563" name="Text Box 117"/>
        <xdr:cNvSpPr txBox="1">
          <a:spLocks noChangeArrowheads="1"/>
        </xdr:cNvSpPr>
      </xdr:nvSpPr>
      <xdr:spPr bwMode="auto">
        <a:xfrm>
          <a:off x="35433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2</xdr:row>
      <xdr:rowOff>0</xdr:rowOff>
    </xdr:from>
    <xdr:ext cx="42863" cy="38100"/>
    <xdr:sp macro="" textlink="">
      <xdr:nvSpPr>
        <xdr:cNvPr id="564" name="Text Box 22"/>
        <xdr:cNvSpPr txBox="1">
          <a:spLocks noChangeArrowheads="1"/>
        </xdr:cNvSpPr>
      </xdr:nvSpPr>
      <xdr:spPr bwMode="auto">
        <a:xfrm>
          <a:off x="3314700" y="56654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2</xdr:row>
      <xdr:rowOff>0</xdr:rowOff>
    </xdr:from>
    <xdr:ext cx="57150" cy="38100"/>
    <xdr:sp macro="" textlink="">
      <xdr:nvSpPr>
        <xdr:cNvPr id="566" name="Text Box 22"/>
        <xdr:cNvSpPr txBox="1">
          <a:spLocks noChangeArrowheads="1"/>
        </xdr:cNvSpPr>
      </xdr:nvSpPr>
      <xdr:spPr bwMode="auto">
        <a:xfrm>
          <a:off x="20574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2</xdr:row>
      <xdr:rowOff>0</xdr:rowOff>
    </xdr:from>
    <xdr:ext cx="57150" cy="38100"/>
    <xdr:sp macro="" textlink="">
      <xdr:nvSpPr>
        <xdr:cNvPr id="567" name="Text Box 22"/>
        <xdr:cNvSpPr txBox="1">
          <a:spLocks noChangeArrowheads="1"/>
        </xdr:cNvSpPr>
      </xdr:nvSpPr>
      <xdr:spPr bwMode="auto">
        <a:xfrm>
          <a:off x="35433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2</xdr:row>
      <xdr:rowOff>0</xdr:rowOff>
    </xdr:from>
    <xdr:ext cx="57150" cy="38100"/>
    <xdr:sp macro="" textlink="">
      <xdr:nvSpPr>
        <xdr:cNvPr id="568" name="Text Box 22"/>
        <xdr:cNvSpPr txBox="1">
          <a:spLocks noChangeArrowheads="1"/>
        </xdr:cNvSpPr>
      </xdr:nvSpPr>
      <xdr:spPr bwMode="auto">
        <a:xfrm>
          <a:off x="51435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2</xdr:row>
      <xdr:rowOff>0</xdr:rowOff>
    </xdr:from>
    <xdr:ext cx="57150" cy="38100"/>
    <xdr:sp macro="" textlink="">
      <xdr:nvSpPr>
        <xdr:cNvPr id="569" name="Text Box 22"/>
        <xdr:cNvSpPr txBox="1">
          <a:spLocks noChangeArrowheads="1"/>
        </xdr:cNvSpPr>
      </xdr:nvSpPr>
      <xdr:spPr bwMode="auto">
        <a:xfrm>
          <a:off x="56007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2</xdr:row>
      <xdr:rowOff>0</xdr:rowOff>
    </xdr:from>
    <xdr:ext cx="42862" cy="28575"/>
    <xdr:sp macro="" textlink="">
      <xdr:nvSpPr>
        <xdr:cNvPr id="570" name="Text Box 23"/>
        <xdr:cNvSpPr txBox="1">
          <a:spLocks noChangeArrowheads="1"/>
        </xdr:cNvSpPr>
      </xdr:nvSpPr>
      <xdr:spPr bwMode="auto">
        <a:xfrm>
          <a:off x="5257800" y="566547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2</xdr:row>
      <xdr:rowOff>0</xdr:rowOff>
    </xdr:from>
    <xdr:ext cx="42863" cy="38100"/>
    <xdr:sp macro="" textlink="">
      <xdr:nvSpPr>
        <xdr:cNvPr id="571" name="Text Box 22"/>
        <xdr:cNvSpPr txBox="1">
          <a:spLocks noChangeArrowheads="1"/>
        </xdr:cNvSpPr>
      </xdr:nvSpPr>
      <xdr:spPr bwMode="auto">
        <a:xfrm>
          <a:off x="5257800" y="56654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2</xdr:row>
      <xdr:rowOff>0</xdr:rowOff>
    </xdr:from>
    <xdr:ext cx="42862" cy="28575"/>
    <xdr:sp macro="" textlink="">
      <xdr:nvSpPr>
        <xdr:cNvPr id="572" name="Text Box 23"/>
        <xdr:cNvSpPr txBox="1">
          <a:spLocks noChangeArrowheads="1"/>
        </xdr:cNvSpPr>
      </xdr:nvSpPr>
      <xdr:spPr bwMode="auto">
        <a:xfrm>
          <a:off x="5257800" y="566547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2</xdr:row>
      <xdr:rowOff>0</xdr:rowOff>
    </xdr:from>
    <xdr:ext cx="57150" cy="38100"/>
    <xdr:sp macro="" textlink="">
      <xdr:nvSpPr>
        <xdr:cNvPr id="573" name="Text Box 22"/>
        <xdr:cNvSpPr txBox="1">
          <a:spLocks noChangeArrowheads="1"/>
        </xdr:cNvSpPr>
      </xdr:nvSpPr>
      <xdr:spPr bwMode="auto">
        <a:xfrm>
          <a:off x="4229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2</xdr:row>
      <xdr:rowOff>0</xdr:rowOff>
    </xdr:from>
    <xdr:ext cx="42863" cy="47625"/>
    <xdr:sp macro="" textlink="">
      <xdr:nvSpPr>
        <xdr:cNvPr id="574" name="Text Box 80"/>
        <xdr:cNvSpPr txBox="1">
          <a:spLocks noChangeArrowheads="1"/>
        </xdr:cNvSpPr>
      </xdr:nvSpPr>
      <xdr:spPr bwMode="auto">
        <a:xfrm>
          <a:off x="54864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2</xdr:row>
      <xdr:rowOff>0</xdr:rowOff>
    </xdr:from>
    <xdr:ext cx="57150" cy="38100"/>
    <xdr:sp macro="" textlink="">
      <xdr:nvSpPr>
        <xdr:cNvPr id="575" name="Text Box 22"/>
        <xdr:cNvSpPr txBox="1">
          <a:spLocks noChangeArrowheads="1"/>
        </xdr:cNvSpPr>
      </xdr:nvSpPr>
      <xdr:spPr bwMode="auto">
        <a:xfrm>
          <a:off x="5372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2</xdr:row>
      <xdr:rowOff>0</xdr:rowOff>
    </xdr:from>
    <xdr:ext cx="57150" cy="38100"/>
    <xdr:sp macro="" textlink="">
      <xdr:nvSpPr>
        <xdr:cNvPr id="576" name="Text Box 22"/>
        <xdr:cNvSpPr txBox="1">
          <a:spLocks noChangeArrowheads="1"/>
        </xdr:cNvSpPr>
      </xdr:nvSpPr>
      <xdr:spPr bwMode="auto">
        <a:xfrm>
          <a:off x="68580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2</xdr:row>
      <xdr:rowOff>0</xdr:rowOff>
    </xdr:from>
    <xdr:ext cx="57150" cy="38100"/>
    <xdr:sp macro="" textlink="">
      <xdr:nvSpPr>
        <xdr:cNvPr id="577" name="Text Box 22"/>
        <xdr:cNvSpPr txBox="1">
          <a:spLocks noChangeArrowheads="1"/>
        </xdr:cNvSpPr>
      </xdr:nvSpPr>
      <xdr:spPr bwMode="auto">
        <a:xfrm>
          <a:off x="59436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2</xdr:row>
      <xdr:rowOff>0</xdr:rowOff>
    </xdr:from>
    <xdr:ext cx="57150" cy="38100"/>
    <xdr:sp macro="" textlink="">
      <xdr:nvSpPr>
        <xdr:cNvPr id="578" name="Text Box 22"/>
        <xdr:cNvSpPr txBox="1">
          <a:spLocks noChangeArrowheads="1"/>
        </xdr:cNvSpPr>
      </xdr:nvSpPr>
      <xdr:spPr bwMode="auto">
        <a:xfrm>
          <a:off x="29718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2</xdr:row>
      <xdr:rowOff>0</xdr:rowOff>
    </xdr:from>
    <xdr:ext cx="42863" cy="38100"/>
    <xdr:sp macro="" textlink="">
      <xdr:nvSpPr>
        <xdr:cNvPr id="579" name="Text Box 22"/>
        <xdr:cNvSpPr txBox="1">
          <a:spLocks noChangeArrowheads="1"/>
        </xdr:cNvSpPr>
      </xdr:nvSpPr>
      <xdr:spPr bwMode="auto">
        <a:xfrm>
          <a:off x="5143500" y="56654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2</xdr:row>
      <xdr:rowOff>0</xdr:rowOff>
    </xdr:from>
    <xdr:ext cx="57150" cy="38100"/>
    <xdr:sp macro="" textlink="">
      <xdr:nvSpPr>
        <xdr:cNvPr id="580" name="Text Box 22"/>
        <xdr:cNvSpPr txBox="1">
          <a:spLocks noChangeArrowheads="1"/>
        </xdr:cNvSpPr>
      </xdr:nvSpPr>
      <xdr:spPr bwMode="auto">
        <a:xfrm>
          <a:off x="48006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2</xdr:row>
      <xdr:rowOff>0</xdr:rowOff>
    </xdr:from>
    <xdr:ext cx="42863" cy="47625"/>
    <xdr:sp macro="" textlink="">
      <xdr:nvSpPr>
        <xdr:cNvPr id="581" name="Text Box 80"/>
        <xdr:cNvSpPr txBox="1">
          <a:spLocks noChangeArrowheads="1"/>
        </xdr:cNvSpPr>
      </xdr:nvSpPr>
      <xdr:spPr bwMode="auto">
        <a:xfrm>
          <a:off x="54864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2</xdr:row>
      <xdr:rowOff>0</xdr:rowOff>
    </xdr:from>
    <xdr:ext cx="42863" cy="47625"/>
    <xdr:sp macro="" textlink="">
      <xdr:nvSpPr>
        <xdr:cNvPr id="582" name="Text Box 117"/>
        <xdr:cNvSpPr txBox="1">
          <a:spLocks noChangeArrowheads="1"/>
        </xdr:cNvSpPr>
      </xdr:nvSpPr>
      <xdr:spPr bwMode="auto">
        <a:xfrm>
          <a:off x="53721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2</xdr:row>
      <xdr:rowOff>0</xdr:rowOff>
    </xdr:from>
    <xdr:ext cx="57150" cy="38100"/>
    <xdr:sp macro="" textlink="">
      <xdr:nvSpPr>
        <xdr:cNvPr id="583" name="Text Box 22"/>
        <xdr:cNvSpPr txBox="1">
          <a:spLocks noChangeArrowheads="1"/>
        </xdr:cNvSpPr>
      </xdr:nvSpPr>
      <xdr:spPr bwMode="auto">
        <a:xfrm>
          <a:off x="5372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2</xdr:row>
      <xdr:rowOff>0</xdr:rowOff>
    </xdr:from>
    <xdr:ext cx="57150" cy="38100"/>
    <xdr:sp macro="" textlink="">
      <xdr:nvSpPr>
        <xdr:cNvPr id="584" name="Text Box 22"/>
        <xdr:cNvSpPr txBox="1">
          <a:spLocks noChangeArrowheads="1"/>
        </xdr:cNvSpPr>
      </xdr:nvSpPr>
      <xdr:spPr bwMode="auto">
        <a:xfrm>
          <a:off x="60579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2</xdr:row>
      <xdr:rowOff>0</xdr:rowOff>
    </xdr:from>
    <xdr:ext cx="57150" cy="38100"/>
    <xdr:sp macro="" textlink="">
      <xdr:nvSpPr>
        <xdr:cNvPr id="585" name="Text Box 22"/>
        <xdr:cNvSpPr txBox="1">
          <a:spLocks noChangeArrowheads="1"/>
        </xdr:cNvSpPr>
      </xdr:nvSpPr>
      <xdr:spPr bwMode="auto">
        <a:xfrm>
          <a:off x="57150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2</xdr:row>
      <xdr:rowOff>0</xdr:rowOff>
    </xdr:from>
    <xdr:ext cx="42863" cy="47625"/>
    <xdr:sp macro="" textlink="">
      <xdr:nvSpPr>
        <xdr:cNvPr id="586" name="Text Box 80"/>
        <xdr:cNvSpPr txBox="1">
          <a:spLocks noChangeArrowheads="1"/>
        </xdr:cNvSpPr>
      </xdr:nvSpPr>
      <xdr:spPr bwMode="auto">
        <a:xfrm>
          <a:off x="54864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2</xdr:row>
      <xdr:rowOff>0</xdr:rowOff>
    </xdr:from>
    <xdr:ext cx="42863" cy="47625"/>
    <xdr:sp macro="" textlink="">
      <xdr:nvSpPr>
        <xdr:cNvPr id="587" name="Text Box 117"/>
        <xdr:cNvSpPr txBox="1">
          <a:spLocks noChangeArrowheads="1"/>
        </xdr:cNvSpPr>
      </xdr:nvSpPr>
      <xdr:spPr bwMode="auto">
        <a:xfrm>
          <a:off x="53721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2</xdr:row>
      <xdr:rowOff>0</xdr:rowOff>
    </xdr:from>
    <xdr:ext cx="57150" cy="38100"/>
    <xdr:sp macro="" textlink="">
      <xdr:nvSpPr>
        <xdr:cNvPr id="588" name="Text Box 22"/>
        <xdr:cNvSpPr txBox="1">
          <a:spLocks noChangeArrowheads="1"/>
        </xdr:cNvSpPr>
      </xdr:nvSpPr>
      <xdr:spPr bwMode="auto">
        <a:xfrm>
          <a:off x="5372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2</xdr:row>
      <xdr:rowOff>0</xdr:rowOff>
    </xdr:from>
    <xdr:ext cx="57150" cy="38100"/>
    <xdr:sp macro="" textlink="">
      <xdr:nvSpPr>
        <xdr:cNvPr id="589" name="Text Box 22"/>
        <xdr:cNvSpPr txBox="1">
          <a:spLocks noChangeArrowheads="1"/>
        </xdr:cNvSpPr>
      </xdr:nvSpPr>
      <xdr:spPr bwMode="auto">
        <a:xfrm>
          <a:off x="60579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2</xdr:row>
      <xdr:rowOff>0</xdr:rowOff>
    </xdr:from>
    <xdr:ext cx="57150" cy="38100"/>
    <xdr:sp macro="" textlink="">
      <xdr:nvSpPr>
        <xdr:cNvPr id="590" name="Text Box 22"/>
        <xdr:cNvSpPr txBox="1">
          <a:spLocks noChangeArrowheads="1"/>
        </xdr:cNvSpPr>
      </xdr:nvSpPr>
      <xdr:spPr bwMode="auto">
        <a:xfrm>
          <a:off x="57150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2</xdr:row>
      <xdr:rowOff>0</xdr:rowOff>
    </xdr:from>
    <xdr:ext cx="57150" cy="38100"/>
    <xdr:sp macro="" textlink="">
      <xdr:nvSpPr>
        <xdr:cNvPr id="591" name="Text Box 22"/>
        <xdr:cNvSpPr txBox="1">
          <a:spLocks noChangeArrowheads="1"/>
        </xdr:cNvSpPr>
      </xdr:nvSpPr>
      <xdr:spPr bwMode="auto">
        <a:xfrm>
          <a:off x="66294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2</xdr:row>
      <xdr:rowOff>0</xdr:rowOff>
    </xdr:from>
    <xdr:ext cx="42863" cy="47625"/>
    <xdr:sp macro="" textlink="">
      <xdr:nvSpPr>
        <xdr:cNvPr id="592" name="Text Box 80"/>
        <xdr:cNvSpPr txBox="1">
          <a:spLocks noChangeArrowheads="1"/>
        </xdr:cNvSpPr>
      </xdr:nvSpPr>
      <xdr:spPr bwMode="auto">
        <a:xfrm>
          <a:off x="36576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2</xdr:row>
      <xdr:rowOff>0</xdr:rowOff>
    </xdr:from>
    <xdr:ext cx="42863" cy="47625"/>
    <xdr:sp macro="" textlink="">
      <xdr:nvSpPr>
        <xdr:cNvPr id="593" name="Text Box 117"/>
        <xdr:cNvSpPr txBox="1">
          <a:spLocks noChangeArrowheads="1"/>
        </xdr:cNvSpPr>
      </xdr:nvSpPr>
      <xdr:spPr bwMode="auto">
        <a:xfrm>
          <a:off x="35433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2</xdr:row>
      <xdr:rowOff>0</xdr:rowOff>
    </xdr:from>
    <xdr:ext cx="42863" cy="38100"/>
    <xdr:sp macro="" textlink="">
      <xdr:nvSpPr>
        <xdr:cNvPr id="594" name="Text Box 22"/>
        <xdr:cNvSpPr txBox="1">
          <a:spLocks noChangeArrowheads="1"/>
        </xdr:cNvSpPr>
      </xdr:nvSpPr>
      <xdr:spPr bwMode="auto">
        <a:xfrm>
          <a:off x="3314700" y="56654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2</xdr:row>
      <xdr:rowOff>0</xdr:rowOff>
    </xdr:from>
    <xdr:ext cx="57150" cy="38100"/>
    <xdr:sp macro="" textlink="">
      <xdr:nvSpPr>
        <xdr:cNvPr id="595" name="Text Box 22"/>
        <xdr:cNvSpPr txBox="1">
          <a:spLocks noChangeArrowheads="1"/>
        </xdr:cNvSpPr>
      </xdr:nvSpPr>
      <xdr:spPr bwMode="auto">
        <a:xfrm>
          <a:off x="20574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2</xdr:row>
      <xdr:rowOff>0</xdr:rowOff>
    </xdr:from>
    <xdr:ext cx="57150" cy="38100"/>
    <xdr:sp macro="" textlink="">
      <xdr:nvSpPr>
        <xdr:cNvPr id="596" name="Text Box 22"/>
        <xdr:cNvSpPr txBox="1">
          <a:spLocks noChangeArrowheads="1"/>
        </xdr:cNvSpPr>
      </xdr:nvSpPr>
      <xdr:spPr bwMode="auto">
        <a:xfrm>
          <a:off x="35433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2</xdr:row>
      <xdr:rowOff>0</xdr:rowOff>
    </xdr:from>
    <xdr:ext cx="57150" cy="38100"/>
    <xdr:sp macro="" textlink="">
      <xdr:nvSpPr>
        <xdr:cNvPr id="597" name="Text Box 22"/>
        <xdr:cNvSpPr txBox="1">
          <a:spLocks noChangeArrowheads="1"/>
        </xdr:cNvSpPr>
      </xdr:nvSpPr>
      <xdr:spPr bwMode="auto">
        <a:xfrm>
          <a:off x="51435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2</xdr:row>
      <xdr:rowOff>0</xdr:rowOff>
    </xdr:from>
    <xdr:ext cx="57150" cy="38100"/>
    <xdr:sp macro="" textlink="">
      <xdr:nvSpPr>
        <xdr:cNvPr id="598" name="Text Box 22"/>
        <xdr:cNvSpPr txBox="1">
          <a:spLocks noChangeArrowheads="1"/>
        </xdr:cNvSpPr>
      </xdr:nvSpPr>
      <xdr:spPr bwMode="auto">
        <a:xfrm>
          <a:off x="56007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2</xdr:row>
      <xdr:rowOff>0</xdr:rowOff>
    </xdr:from>
    <xdr:ext cx="42862" cy="28575"/>
    <xdr:sp macro="" textlink="">
      <xdr:nvSpPr>
        <xdr:cNvPr id="599" name="Text Box 23"/>
        <xdr:cNvSpPr txBox="1">
          <a:spLocks noChangeArrowheads="1"/>
        </xdr:cNvSpPr>
      </xdr:nvSpPr>
      <xdr:spPr bwMode="auto">
        <a:xfrm>
          <a:off x="5257800" y="566547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2</xdr:row>
      <xdr:rowOff>0</xdr:rowOff>
    </xdr:from>
    <xdr:ext cx="42863" cy="38100"/>
    <xdr:sp macro="" textlink="">
      <xdr:nvSpPr>
        <xdr:cNvPr id="600" name="Text Box 22"/>
        <xdr:cNvSpPr txBox="1">
          <a:spLocks noChangeArrowheads="1"/>
        </xdr:cNvSpPr>
      </xdr:nvSpPr>
      <xdr:spPr bwMode="auto">
        <a:xfrm>
          <a:off x="5257800" y="56654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2</xdr:row>
      <xdr:rowOff>0</xdr:rowOff>
    </xdr:from>
    <xdr:ext cx="42862" cy="28575"/>
    <xdr:sp macro="" textlink="">
      <xdr:nvSpPr>
        <xdr:cNvPr id="601" name="Text Box 23"/>
        <xdr:cNvSpPr txBox="1">
          <a:spLocks noChangeArrowheads="1"/>
        </xdr:cNvSpPr>
      </xdr:nvSpPr>
      <xdr:spPr bwMode="auto">
        <a:xfrm>
          <a:off x="5257800" y="566547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2</xdr:row>
      <xdr:rowOff>0</xdr:rowOff>
    </xdr:from>
    <xdr:ext cx="57150" cy="38100"/>
    <xdr:sp macro="" textlink="">
      <xdr:nvSpPr>
        <xdr:cNvPr id="602" name="Text Box 22"/>
        <xdr:cNvSpPr txBox="1">
          <a:spLocks noChangeArrowheads="1"/>
        </xdr:cNvSpPr>
      </xdr:nvSpPr>
      <xdr:spPr bwMode="auto">
        <a:xfrm>
          <a:off x="4229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2</xdr:row>
      <xdr:rowOff>0</xdr:rowOff>
    </xdr:from>
    <xdr:ext cx="42863" cy="47625"/>
    <xdr:sp macro="" textlink="">
      <xdr:nvSpPr>
        <xdr:cNvPr id="603" name="Text Box 80"/>
        <xdr:cNvSpPr txBox="1">
          <a:spLocks noChangeArrowheads="1"/>
        </xdr:cNvSpPr>
      </xdr:nvSpPr>
      <xdr:spPr bwMode="auto">
        <a:xfrm>
          <a:off x="54864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2</xdr:row>
      <xdr:rowOff>0</xdr:rowOff>
    </xdr:from>
    <xdr:ext cx="57150" cy="38100"/>
    <xdr:sp macro="" textlink="">
      <xdr:nvSpPr>
        <xdr:cNvPr id="604" name="Text Box 22"/>
        <xdr:cNvSpPr txBox="1">
          <a:spLocks noChangeArrowheads="1"/>
        </xdr:cNvSpPr>
      </xdr:nvSpPr>
      <xdr:spPr bwMode="auto">
        <a:xfrm>
          <a:off x="5372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2</xdr:row>
      <xdr:rowOff>0</xdr:rowOff>
    </xdr:from>
    <xdr:ext cx="57150" cy="38100"/>
    <xdr:sp macro="" textlink="">
      <xdr:nvSpPr>
        <xdr:cNvPr id="605" name="Text Box 22"/>
        <xdr:cNvSpPr txBox="1">
          <a:spLocks noChangeArrowheads="1"/>
        </xdr:cNvSpPr>
      </xdr:nvSpPr>
      <xdr:spPr bwMode="auto">
        <a:xfrm>
          <a:off x="68580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2</xdr:row>
      <xdr:rowOff>0</xdr:rowOff>
    </xdr:from>
    <xdr:ext cx="57150" cy="38100"/>
    <xdr:sp macro="" textlink="">
      <xdr:nvSpPr>
        <xdr:cNvPr id="606" name="Text Box 22"/>
        <xdr:cNvSpPr txBox="1">
          <a:spLocks noChangeArrowheads="1"/>
        </xdr:cNvSpPr>
      </xdr:nvSpPr>
      <xdr:spPr bwMode="auto">
        <a:xfrm>
          <a:off x="59436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2</xdr:row>
      <xdr:rowOff>0</xdr:rowOff>
    </xdr:from>
    <xdr:ext cx="57150" cy="38100"/>
    <xdr:sp macro="" textlink="">
      <xdr:nvSpPr>
        <xdr:cNvPr id="607" name="Text Box 22"/>
        <xdr:cNvSpPr txBox="1">
          <a:spLocks noChangeArrowheads="1"/>
        </xdr:cNvSpPr>
      </xdr:nvSpPr>
      <xdr:spPr bwMode="auto">
        <a:xfrm>
          <a:off x="29718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2</xdr:row>
      <xdr:rowOff>0</xdr:rowOff>
    </xdr:from>
    <xdr:ext cx="42863" cy="38100"/>
    <xdr:sp macro="" textlink="">
      <xdr:nvSpPr>
        <xdr:cNvPr id="608" name="Text Box 22"/>
        <xdr:cNvSpPr txBox="1">
          <a:spLocks noChangeArrowheads="1"/>
        </xdr:cNvSpPr>
      </xdr:nvSpPr>
      <xdr:spPr bwMode="auto">
        <a:xfrm>
          <a:off x="5143500" y="56654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2</xdr:row>
      <xdr:rowOff>0</xdr:rowOff>
    </xdr:from>
    <xdr:ext cx="57150" cy="38100"/>
    <xdr:sp macro="" textlink="">
      <xdr:nvSpPr>
        <xdr:cNvPr id="609" name="Text Box 22"/>
        <xdr:cNvSpPr txBox="1">
          <a:spLocks noChangeArrowheads="1"/>
        </xdr:cNvSpPr>
      </xdr:nvSpPr>
      <xdr:spPr bwMode="auto">
        <a:xfrm>
          <a:off x="48006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2</xdr:row>
      <xdr:rowOff>0</xdr:rowOff>
    </xdr:from>
    <xdr:ext cx="42863" cy="47625"/>
    <xdr:sp macro="" textlink="">
      <xdr:nvSpPr>
        <xdr:cNvPr id="610" name="Text Box 80"/>
        <xdr:cNvSpPr txBox="1">
          <a:spLocks noChangeArrowheads="1"/>
        </xdr:cNvSpPr>
      </xdr:nvSpPr>
      <xdr:spPr bwMode="auto">
        <a:xfrm>
          <a:off x="54864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2</xdr:row>
      <xdr:rowOff>0</xdr:rowOff>
    </xdr:from>
    <xdr:ext cx="42863" cy="47625"/>
    <xdr:sp macro="" textlink="">
      <xdr:nvSpPr>
        <xdr:cNvPr id="611" name="Text Box 117"/>
        <xdr:cNvSpPr txBox="1">
          <a:spLocks noChangeArrowheads="1"/>
        </xdr:cNvSpPr>
      </xdr:nvSpPr>
      <xdr:spPr bwMode="auto">
        <a:xfrm>
          <a:off x="53721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2</xdr:row>
      <xdr:rowOff>0</xdr:rowOff>
    </xdr:from>
    <xdr:ext cx="57150" cy="38100"/>
    <xdr:sp macro="" textlink="">
      <xdr:nvSpPr>
        <xdr:cNvPr id="612" name="Text Box 22"/>
        <xdr:cNvSpPr txBox="1">
          <a:spLocks noChangeArrowheads="1"/>
        </xdr:cNvSpPr>
      </xdr:nvSpPr>
      <xdr:spPr bwMode="auto">
        <a:xfrm>
          <a:off x="5372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2</xdr:row>
      <xdr:rowOff>0</xdr:rowOff>
    </xdr:from>
    <xdr:ext cx="57150" cy="38100"/>
    <xdr:sp macro="" textlink="">
      <xdr:nvSpPr>
        <xdr:cNvPr id="613" name="Text Box 22"/>
        <xdr:cNvSpPr txBox="1">
          <a:spLocks noChangeArrowheads="1"/>
        </xdr:cNvSpPr>
      </xdr:nvSpPr>
      <xdr:spPr bwMode="auto">
        <a:xfrm>
          <a:off x="60579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2</xdr:row>
      <xdr:rowOff>0</xdr:rowOff>
    </xdr:from>
    <xdr:ext cx="57150" cy="38100"/>
    <xdr:sp macro="" textlink="">
      <xdr:nvSpPr>
        <xdr:cNvPr id="614" name="Text Box 22"/>
        <xdr:cNvSpPr txBox="1">
          <a:spLocks noChangeArrowheads="1"/>
        </xdr:cNvSpPr>
      </xdr:nvSpPr>
      <xdr:spPr bwMode="auto">
        <a:xfrm>
          <a:off x="57150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2</xdr:row>
      <xdr:rowOff>0</xdr:rowOff>
    </xdr:from>
    <xdr:ext cx="42863" cy="47625"/>
    <xdr:sp macro="" textlink="">
      <xdr:nvSpPr>
        <xdr:cNvPr id="615" name="Text Box 80"/>
        <xdr:cNvSpPr txBox="1">
          <a:spLocks noChangeArrowheads="1"/>
        </xdr:cNvSpPr>
      </xdr:nvSpPr>
      <xdr:spPr bwMode="auto">
        <a:xfrm>
          <a:off x="54864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2</xdr:row>
      <xdr:rowOff>0</xdr:rowOff>
    </xdr:from>
    <xdr:ext cx="42863" cy="47625"/>
    <xdr:sp macro="" textlink="">
      <xdr:nvSpPr>
        <xdr:cNvPr id="616" name="Text Box 117"/>
        <xdr:cNvSpPr txBox="1">
          <a:spLocks noChangeArrowheads="1"/>
        </xdr:cNvSpPr>
      </xdr:nvSpPr>
      <xdr:spPr bwMode="auto">
        <a:xfrm>
          <a:off x="53721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2</xdr:row>
      <xdr:rowOff>0</xdr:rowOff>
    </xdr:from>
    <xdr:ext cx="57150" cy="38100"/>
    <xdr:sp macro="" textlink="">
      <xdr:nvSpPr>
        <xdr:cNvPr id="617" name="Text Box 22"/>
        <xdr:cNvSpPr txBox="1">
          <a:spLocks noChangeArrowheads="1"/>
        </xdr:cNvSpPr>
      </xdr:nvSpPr>
      <xdr:spPr bwMode="auto">
        <a:xfrm>
          <a:off x="5372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2</xdr:row>
      <xdr:rowOff>0</xdr:rowOff>
    </xdr:from>
    <xdr:ext cx="57150" cy="38100"/>
    <xdr:sp macro="" textlink="">
      <xdr:nvSpPr>
        <xdr:cNvPr id="618" name="Text Box 22"/>
        <xdr:cNvSpPr txBox="1">
          <a:spLocks noChangeArrowheads="1"/>
        </xdr:cNvSpPr>
      </xdr:nvSpPr>
      <xdr:spPr bwMode="auto">
        <a:xfrm>
          <a:off x="60579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2</xdr:row>
      <xdr:rowOff>0</xdr:rowOff>
    </xdr:from>
    <xdr:ext cx="57150" cy="38100"/>
    <xdr:sp macro="" textlink="">
      <xdr:nvSpPr>
        <xdr:cNvPr id="619" name="Text Box 22"/>
        <xdr:cNvSpPr txBox="1">
          <a:spLocks noChangeArrowheads="1"/>
        </xdr:cNvSpPr>
      </xdr:nvSpPr>
      <xdr:spPr bwMode="auto">
        <a:xfrm>
          <a:off x="57150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2</xdr:row>
      <xdr:rowOff>0</xdr:rowOff>
    </xdr:from>
    <xdr:ext cx="57150" cy="38100"/>
    <xdr:sp macro="" textlink="">
      <xdr:nvSpPr>
        <xdr:cNvPr id="620" name="Text Box 22"/>
        <xdr:cNvSpPr txBox="1">
          <a:spLocks noChangeArrowheads="1"/>
        </xdr:cNvSpPr>
      </xdr:nvSpPr>
      <xdr:spPr bwMode="auto">
        <a:xfrm>
          <a:off x="66294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2</xdr:row>
      <xdr:rowOff>0</xdr:rowOff>
    </xdr:from>
    <xdr:ext cx="42863" cy="47625"/>
    <xdr:sp macro="" textlink="">
      <xdr:nvSpPr>
        <xdr:cNvPr id="621" name="Text Box 80"/>
        <xdr:cNvSpPr txBox="1">
          <a:spLocks noChangeArrowheads="1"/>
        </xdr:cNvSpPr>
      </xdr:nvSpPr>
      <xdr:spPr bwMode="auto">
        <a:xfrm>
          <a:off x="36576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2</xdr:row>
      <xdr:rowOff>0</xdr:rowOff>
    </xdr:from>
    <xdr:ext cx="42863" cy="47625"/>
    <xdr:sp macro="" textlink="">
      <xdr:nvSpPr>
        <xdr:cNvPr id="622" name="Text Box 117"/>
        <xdr:cNvSpPr txBox="1">
          <a:spLocks noChangeArrowheads="1"/>
        </xdr:cNvSpPr>
      </xdr:nvSpPr>
      <xdr:spPr bwMode="auto">
        <a:xfrm>
          <a:off x="35433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2</xdr:row>
      <xdr:rowOff>0</xdr:rowOff>
    </xdr:from>
    <xdr:ext cx="42863" cy="38100"/>
    <xdr:sp macro="" textlink="">
      <xdr:nvSpPr>
        <xdr:cNvPr id="623" name="Text Box 22"/>
        <xdr:cNvSpPr txBox="1">
          <a:spLocks noChangeArrowheads="1"/>
        </xdr:cNvSpPr>
      </xdr:nvSpPr>
      <xdr:spPr bwMode="auto">
        <a:xfrm>
          <a:off x="3314700" y="56654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2</xdr:row>
      <xdr:rowOff>0</xdr:rowOff>
    </xdr:from>
    <xdr:ext cx="57150" cy="38100"/>
    <xdr:sp macro="" textlink="">
      <xdr:nvSpPr>
        <xdr:cNvPr id="624" name="Text Box 22"/>
        <xdr:cNvSpPr txBox="1">
          <a:spLocks noChangeArrowheads="1"/>
        </xdr:cNvSpPr>
      </xdr:nvSpPr>
      <xdr:spPr bwMode="auto">
        <a:xfrm>
          <a:off x="20574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2</xdr:row>
      <xdr:rowOff>0</xdr:rowOff>
    </xdr:from>
    <xdr:ext cx="57150" cy="38100"/>
    <xdr:sp macro="" textlink="">
      <xdr:nvSpPr>
        <xdr:cNvPr id="625" name="Text Box 22"/>
        <xdr:cNvSpPr txBox="1">
          <a:spLocks noChangeArrowheads="1"/>
        </xdr:cNvSpPr>
      </xdr:nvSpPr>
      <xdr:spPr bwMode="auto">
        <a:xfrm>
          <a:off x="35433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2</xdr:row>
      <xdr:rowOff>0</xdr:rowOff>
    </xdr:from>
    <xdr:ext cx="57150" cy="38100"/>
    <xdr:sp macro="" textlink="">
      <xdr:nvSpPr>
        <xdr:cNvPr id="626" name="Text Box 22"/>
        <xdr:cNvSpPr txBox="1">
          <a:spLocks noChangeArrowheads="1"/>
        </xdr:cNvSpPr>
      </xdr:nvSpPr>
      <xdr:spPr bwMode="auto">
        <a:xfrm>
          <a:off x="51435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2</xdr:row>
      <xdr:rowOff>0</xdr:rowOff>
    </xdr:from>
    <xdr:ext cx="57150" cy="38100"/>
    <xdr:sp macro="" textlink="">
      <xdr:nvSpPr>
        <xdr:cNvPr id="627" name="Text Box 22"/>
        <xdr:cNvSpPr txBox="1">
          <a:spLocks noChangeArrowheads="1"/>
        </xdr:cNvSpPr>
      </xdr:nvSpPr>
      <xdr:spPr bwMode="auto">
        <a:xfrm>
          <a:off x="56007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2</xdr:row>
      <xdr:rowOff>0</xdr:rowOff>
    </xdr:from>
    <xdr:ext cx="42862" cy="28575"/>
    <xdr:sp macro="" textlink="">
      <xdr:nvSpPr>
        <xdr:cNvPr id="628" name="Text Box 23"/>
        <xdr:cNvSpPr txBox="1">
          <a:spLocks noChangeArrowheads="1"/>
        </xdr:cNvSpPr>
      </xdr:nvSpPr>
      <xdr:spPr bwMode="auto">
        <a:xfrm>
          <a:off x="5257800" y="566547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2</xdr:row>
      <xdr:rowOff>0</xdr:rowOff>
    </xdr:from>
    <xdr:ext cx="42863" cy="38100"/>
    <xdr:sp macro="" textlink="">
      <xdr:nvSpPr>
        <xdr:cNvPr id="629" name="Text Box 22"/>
        <xdr:cNvSpPr txBox="1">
          <a:spLocks noChangeArrowheads="1"/>
        </xdr:cNvSpPr>
      </xdr:nvSpPr>
      <xdr:spPr bwMode="auto">
        <a:xfrm>
          <a:off x="5257800" y="56654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2</xdr:row>
      <xdr:rowOff>0</xdr:rowOff>
    </xdr:from>
    <xdr:ext cx="42862" cy="28575"/>
    <xdr:sp macro="" textlink="">
      <xdr:nvSpPr>
        <xdr:cNvPr id="630" name="Text Box 23"/>
        <xdr:cNvSpPr txBox="1">
          <a:spLocks noChangeArrowheads="1"/>
        </xdr:cNvSpPr>
      </xdr:nvSpPr>
      <xdr:spPr bwMode="auto">
        <a:xfrm>
          <a:off x="5257800" y="566547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2</xdr:row>
      <xdr:rowOff>0</xdr:rowOff>
    </xdr:from>
    <xdr:ext cx="57150" cy="38100"/>
    <xdr:sp macro="" textlink="">
      <xdr:nvSpPr>
        <xdr:cNvPr id="631" name="Text Box 22"/>
        <xdr:cNvSpPr txBox="1">
          <a:spLocks noChangeArrowheads="1"/>
        </xdr:cNvSpPr>
      </xdr:nvSpPr>
      <xdr:spPr bwMode="auto">
        <a:xfrm>
          <a:off x="4229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2</xdr:row>
      <xdr:rowOff>0</xdr:rowOff>
    </xdr:from>
    <xdr:ext cx="42863" cy="47625"/>
    <xdr:sp macro="" textlink="">
      <xdr:nvSpPr>
        <xdr:cNvPr id="632" name="Text Box 80"/>
        <xdr:cNvSpPr txBox="1">
          <a:spLocks noChangeArrowheads="1"/>
        </xdr:cNvSpPr>
      </xdr:nvSpPr>
      <xdr:spPr bwMode="auto">
        <a:xfrm>
          <a:off x="54864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2</xdr:row>
      <xdr:rowOff>0</xdr:rowOff>
    </xdr:from>
    <xdr:ext cx="57150" cy="38100"/>
    <xdr:sp macro="" textlink="">
      <xdr:nvSpPr>
        <xdr:cNvPr id="633" name="Text Box 22"/>
        <xdr:cNvSpPr txBox="1">
          <a:spLocks noChangeArrowheads="1"/>
        </xdr:cNvSpPr>
      </xdr:nvSpPr>
      <xdr:spPr bwMode="auto">
        <a:xfrm>
          <a:off x="5372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2</xdr:row>
      <xdr:rowOff>0</xdr:rowOff>
    </xdr:from>
    <xdr:ext cx="57150" cy="38100"/>
    <xdr:sp macro="" textlink="">
      <xdr:nvSpPr>
        <xdr:cNvPr id="634" name="Text Box 22"/>
        <xdr:cNvSpPr txBox="1">
          <a:spLocks noChangeArrowheads="1"/>
        </xdr:cNvSpPr>
      </xdr:nvSpPr>
      <xdr:spPr bwMode="auto">
        <a:xfrm>
          <a:off x="59436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2</xdr:row>
      <xdr:rowOff>0</xdr:rowOff>
    </xdr:from>
    <xdr:ext cx="57150" cy="38100"/>
    <xdr:sp macro="" textlink="">
      <xdr:nvSpPr>
        <xdr:cNvPr id="635" name="Text Box 22"/>
        <xdr:cNvSpPr txBox="1">
          <a:spLocks noChangeArrowheads="1"/>
        </xdr:cNvSpPr>
      </xdr:nvSpPr>
      <xdr:spPr bwMode="auto">
        <a:xfrm>
          <a:off x="29718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2</xdr:row>
      <xdr:rowOff>0</xdr:rowOff>
    </xdr:from>
    <xdr:ext cx="42863" cy="38100"/>
    <xdr:sp macro="" textlink="">
      <xdr:nvSpPr>
        <xdr:cNvPr id="636" name="Text Box 22"/>
        <xdr:cNvSpPr txBox="1">
          <a:spLocks noChangeArrowheads="1"/>
        </xdr:cNvSpPr>
      </xdr:nvSpPr>
      <xdr:spPr bwMode="auto">
        <a:xfrm>
          <a:off x="5143500" y="56654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2</xdr:row>
      <xdr:rowOff>0</xdr:rowOff>
    </xdr:from>
    <xdr:ext cx="57150" cy="38100"/>
    <xdr:sp macro="" textlink="">
      <xdr:nvSpPr>
        <xdr:cNvPr id="637" name="Text Box 22"/>
        <xdr:cNvSpPr txBox="1">
          <a:spLocks noChangeArrowheads="1"/>
        </xdr:cNvSpPr>
      </xdr:nvSpPr>
      <xdr:spPr bwMode="auto">
        <a:xfrm>
          <a:off x="48006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2</xdr:row>
      <xdr:rowOff>0</xdr:rowOff>
    </xdr:from>
    <xdr:ext cx="42863" cy="47625"/>
    <xdr:sp macro="" textlink="">
      <xdr:nvSpPr>
        <xdr:cNvPr id="638" name="Text Box 80"/>
        <xdr:cNvSpPr txBox="1">
          <a:spLocks noChangeArrowheads="1"/>
        </xdr:cNvSpPr>
      </xdr:nvSpPr>
      <xdr:spPr bwMode="auto">
        <a:xfrm>
          <a:off x="54864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2</xdr:row>
      <xdr:rowOff>0</xdr:rowOff>
    </xdr:from>
    <xdr:ext cx="42863" cy="47625"/>
    <xdr:sp macro="" textlink="">
      <xdr:nvSpPr>
        <xdr:cNvPr id="639" name="Text Box 117"/>
        <xdr:cNvSpPr txBox="1">
          <a:spLocks noChangeArrowheads="1"/>
        </xdr:cNvSpPr>
      </xdr:nvSpPr>
      <xdr:spPr bwMode="auto">
        <a:xfrm>
          <a:off x="53721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2</xdr:row>
      <xdr:rowOff>0</xdr:rowOff>
    </xdr:from>
    <xdr:ext cx="57150" cy="38100"/>
    <xdr:sp macro="" textlink="">
      <xdr:nvSpPr>
        <xdr:cNvPr id="640" name="Text Box 22"/>
        <xdr:cNvSpPr txBox="1">
          <a:spLocks noChangeArrowheads="1"/>
        </xdr:cNvSpPr>
      </xdr:nvSpPr>
      <xdr:spPr bwMode="auto">
        <a:xfrm>
          <a:off x="5372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2</xdr:row>
      <xdr:rowOff>0</xdr:rowOff>
    </xdr:from>
    <xdr:ext cx="57150" cy="38100"/>
    <xdr:sp macro="" textlink="">
      <xdr:nvSpPr>
        <xdr:cNvPr id="641" name="Text Box 22"/>
        <xdr:cNvSpPr txBox="1">
          <a:spLocks noChangeArrowheads="1"/>
        </xdr:cNvSpPr>
      </xdr:nvSpPr>
      <xdr:spPr bwMode="auto">
        <a:xfrm>
          <a:off x="60579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2</xdr:row>
      <xdr:rowOff>0</xdr:rowOff>
    </xdr:from>
    <xdr:ext cx="57150" cy="38100"/>
    <xdr:sp macro="" textlink="">
      <xdr:nvSpPr>
        <xdr:cNvPr id="642" name="Text Box 22"/>
        <xdr:cNvSpPr txBox="1">
          <a:spLocks noChangeArrowheads="1"/>
        </xdr:cNvSpPr>
      </xdr:nvSpPr>
      <xdr:spPr bwMode="auto">
        <a:xfrm>
          <a:off x="57150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2</xdr:row>
      <xdr:rowOff>0</xdr:rowOff>
    </xdr:from>
    <xdr:ext cx="42863" cy="47625"/>
    <xdr:sp macro="" textlink="">
      <xdr:nvSpPr>
        <xdr:cNvPr id="643" name="Text Box 80"/>
        <xdr:cNvSpPr txBox="1">
          <a:spLocks noChangeArrowheads="1"/>
        </xdr:cNvSpPr>
      </xdr:nvSpPr>
      <xdr:spPr bwMode="auto">
        <a:xfrm>
          <a:off x="54864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2</xdr:row>
      <xdr:rowOff>0</xdr:rowOff>
    </xdr:from>
    <xdr:ext cx="42863" cy="47625"/>
    <xdr:sp macro="" textlink="">
      <xdr:nvSpPr>
        <xdr:cNvPr id="644" name="Text Box 117"/>
        <xdr:cNvSpPr txBox="1">
          <a:spLocks noChangeArrowheads="1"/>
        </xdr:cNvSpPr>
      </xdr:nvSpPr>
      <xdr:spPr bwMode="auto">
        <a:xfrm>
          <a:off x="5372100" y="56654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2</xdr:row>
      <xdr:rowOff>0</xdr:rowOff>
    </xdr:from>
    <xdr:ext cx="57150" cy="38100"/>
    <xdr:sp macro="" textlink="">
      <xdr:nvSpPr>
        <xdr:cNvPr id="645" name="Text Box 22"/>
        <xdr:cNvSpPr txBox="1">
          <a:spLocks noChangeArrowheads="1"/>
        </xdr:cNvSpPr>
      </xdr:nvSpPr>
      <xdr:spPr bwMode="auto">
        <a:xfrm>
          <a:off x="53721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2</xdr:row>
      <xdr:rowOff>0</xdr:rowOff>
    </xdr:from>
    <xdr:ext cx="57150" cy="38100"/>
    <xdr:sp macro="" textlink="">
      <xdr:nvSpPr>
        <xdr:cNvPr id="646" name="Text Box 22"/>
        <xdr:cNvSpPr txBox="1">
          <a:spLocks noChangeArrowheads="1"/>
        </xdr:cNvSpPr>
      </xdr:nvSpPr>
      <xdr:spPr bwMode="auto">
        <a:xfrm>
          <a:off x="60579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2</xdr:row>
      <xdr:rowOff>0</xdr:rowOff>
    </xdr:from>
    <xdr:ext cx="57150" cy="38100"/>
    <xdr:sp macro="" textlink="">
      <xdr:nvSpPr>
        <xdr:cNvPr id="647" name="Text Box 22"/>
        <xdr:cNvSpPr txBox="1">
          <a:spLocks noChangeArrowheads="1"/>
        </xdr:cNvSpPr>
      </xdr:nvSpPr>
      <xdr:spPr bwMode="auto">
        <a:xfrm>
          <a:off x="57150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2</xdr:row>
      <xdr:rowOff>0</xdr:rowOff>
    </xdr:from>
    <xdr:ext cx="57150" cy="38100"/>
    <xdr:sp macro="" textlink="">
      <xdr:nvSpPr>
        <xdr:cNvPr id="648" name="Text Box 22"/>
        <xdr:cNvSpPr txBox="1">
          <a:spLocks noChangeArrowheads="1"/>
        </xdr:cNvSpPr>
      </xdr:nvSpPr>
      <xdr:spPr bwMode="auto">
        <a:xfrm>
          <a:off x="6629400" y="56654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13126</xdr:colOff>
      <xdr:row>113</xdr:row>
      <xdr:rowOff>44182</xdr:rowOff>
    </xdr:from>
    <xdr:to>
      <xdr:col>60</xdr:col>
      <xdr:colOff>76840</xdr:colOff>
      <xdr:row>115</xdr:row>
      <xdr:rowOff>167182</xdr:rowOff>
    </xdr:to>
    <xdr:sp macro="" textlink="">
      <xdr:nvSpPr>
        <xdr:cNvPr id="649" name="大かっこ 648"/>
        <xdr:cNvSpPr/>
      </xdr:nvSpPr>
      <xdr:spPr bwMode="auto">
        <a:xfrm>
          <a:off x="731583" y="32712211"/>
          <a:ext cx="6529828" cy="514885"/>
        </a:xfrm>
        <a:prstGeom prst="bracketPair">
          <a:avLst/>
        </a:prstGeom>
        <a:noFill/>
        <a:ln w="9525"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38100</xdr:colOff>
      <xdr:row>267</xdr:row>
      <xdr:rowOff>323850</xdr:rowOff>
    </xdr:from>
    <xdr:to>
      <xdr:col>5</xdr:col>
      <xdr:colOff>95250</xdr:colOff>
      <xdr:row>268</xdr:row>
      <xdr:rowOff>142875</xdr:rowOff>
    </xdr:to>
    <xdr:sp macro="" textlink="">
      <xdr:nvSpPr>
        <xdr:cNvPr id="650" name="円/楕円 404"/>
        <xdr:cNvSpPr/>
      </xdr:nvSpPr>
      <xdr:spPr bwMode="auto">
        <a:xfrm>
          <a:off x="495300" y="97090230"/>
          <a:ext cx="171450" cy="146685"/>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solidFill>
              <a:srgbClr val="FF0000"/>
            </a:solidFill>
          </a:endParaRPr>
        </a:p>
      </xdr:txBody>
    </xdr:sp>
    <xdr:clientData/>
  </xdr:twoCellAnchor>
  <xdr:twoCellAnchor>
    <xdr:from>
      <xdr:col>1</xdr:col>
      <xdr:colOff>36739</xdr:colOff>
      <xdr:row>349</xdr:row>
      <xdr:rowOff>142875</xdr:rowOff>
    </xdr:from>
    <xdr:to>
      <xdr:col>2</xdr:col>
      <xdr:colOff>78502</xdr:colOff>
      <xdr:row>349</xdr:row>
      <xdr:rowOff>298177</xdr:rowOff>
    </xdr:to>
    <xdr:sp macro="" textlink="">
      <xdr:nvSpPr>
        <xdr:cNvPr id="651" name="円/楕円 407"/>
        <xdr:cNvSpPr/>
      </xdr:nvSpPr>
      <xdr:spPr bwMode="auto">
        <a:xfrm>
          <a:off x="156482" y="108183589"/>
          <a:ext cx="161506"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C375"/>
  <sheetViews>
    <sheetView showGridLines="0" tabSelected="1" view="pageBreakPreview" zoomScale="70" zoomScaleNormal="70" zoomScaleSheetLayoutView="70" workbookViewId="0">
      <selection sqref="A1:BN1"/>
    </sheetView>
  </sheetViews>
  <sheetFormatPr defaultColWidth="1.6640625" defaultRowHeight="13.2"/>
  <cols>
    <col min="1" max="5" width="1.6640625" style="250" customWidth="1"/>
    <col min="6" max="33" width="1.6640625" style="250"/>
    <col min="34" max="34" width="1.6640625" style="250" customWidth="1"/>
    <col min="35" max="42" width="1.6640625" style="250"/>
    <col min="43" max="43" width="1.6640625" style="250" customWidth="1"/>
    <col min="44" max="76" width="1.6640625" style="250"/>
    <col min="77" max="77" width="1.33203125" style="250" customWidth="1"/>
    <col min="78" max="16384" width="1.6640625" style="250"/>
  </cols>
  <sheetData>
    <row r="1" spans="1:66" ht="15" customHeight="1">
      <c r="A1" s="314" t="s">
        <v>381</v>
      </c>
      <c r="B1" s="314"/>
      <c r="C1" s="314"/>
      <c r="D1" s="314"/>
      <c r="E1" s="314"/>
      <c r="F1" s="314"/>
      <c r="G1" s="314"/>
      <c r="H1" s="314"/>
      <c r="I1" s="314"/>
      <c r="J1" s="314"/>
      <c r="K1" s="314"/>
      <c r="L1" s="314"/>
      <c r="M1" s="314"/>
      <c r="N1" s="314"/>
      <c r="O1" s="314"/>
      <c r="P1" s="314"/>
      <c r="Q1" s="314"/>
      <c r="R1" s="314"/>
      <c r="S1" s="314"/>
      <c r="T1" s="314"/>
      <c r="U1" s="314"/>
      <c r="V1" s="314"/>
      <c r="W1" s="314"/>
      <c r="X1" s="314"/>
      <c r="Y1" s="314"/>
      <c r="Z1" s="314"/>
      <c r="AA1" s="314"/>
      <c r="AB1" s="314"/>
      <c r="AC1" s="314"/>
      <c r="AD1" s="314"/>
      <c r="AE1" s="314"/>
      <c r="AF1" s="314"/>
      <c r="AG1" s="314"/>
      <c r="AH1" s="314"/>
      <c r="AI1" s="314"/>
      <c r="AJ1" s="314"/>
      <c r="AK1" s="314"/>
      <c r="AL1" s="314"/>
      <c r="AM1" s="314"/>
      <c r="AN1" s="314"/>
      <c r="AO1" s="314"/>
      <c r="AP1" s="314"/>
      <c r="AQ1" s="314"/>
      <c r="AR1" s="314"/>
      <c r="AS1" s="314"/>
      <c r="AT1" s="314"/>
      <c r="AU1" s="314"/>
      <c r="AV1" s="314"/>
      <c r="AW1" s="314"/>
      <c r="AX1" s="314"/>
      <c r="AY1" s="314"/>
      <c r="AZ1" s="314"/>
      <c r="BA1" s="314"/>
      <c r="BB1" s="314"/>
      <c r="BC1" s="314"/>
      <c r="BD1" s="314"/>
      <c r="BE1" s="314"/>
      <c r="BF1" s="314"/>
      <c r="BG1" s="314"/>
      <c r="BH1" s="314"/>
      <c r="BI1" s="314"/>
      <c r="BJ1" s="314"/>
      <c r="BK1" s="314"/>
      <c r="BL1" s="314"/>
      <c r="BM1" s="314"/>
      <c r="BN1" s="314"/>
    </row>
    <row r="2" spans="1:66" ht="8.25" customHeight="1">
      <c r="A2" s="190"/>
      <c r="B2" s="190"/>
      <c r="C2" s="190"/>
      <c r="D2" s="190"/>
      <c r="E2" s="190"/>
      <c r="F2" s="190"/>
      <c r="G2" s="190"/>
      <c r="H2" s="190"/>
      <c r="I2" s="190"/>
      <c r="J2" s="190"/>
      <c r="K2" s="190"/>
      <c r="L2" s="190"/>
      <c r="M2" s="190"/>
      <c r="N2" s="190"/>
      <c r="O2" s="190"/>
      <c r="P2" s="190"/>
      <c r="Q2" s="190"/>
      <c r="R2" s="190"/>
      <c r="S2" s="190"/>
      <c r="T2" s="190"/>
      <c r="U2" s="190"/>
      <c r="V2" s="190"/>
      <c r="W2" s="190"/>
      <c r="X2" s="190"/>
      <c r="Y2" s="190"/>
      <c r="Z2" s="190"/>
      <c r="AA2" s="190"/>
      <c r="AB2" s="190"/>
      <c r="AC2" s="190"/>
      <c r="AD2" s="190"/>
      <c r="AE2" s="190"/>
      <c r="AF2" s="190"/>
      <c r="AG2" s="190"/>
      <c r="AH2" s="190"/>
      <c r="AI2" s="190"/>
      <c r="AJ2" s="190"/>
      <c r="AK2" s="190"/>
      <c r="AL2" s="190"/>
      <c r="AM2" s="190"/>
      <c r="AN2" s="190"/>
      <c r="AO2" s="190"/>
      <c r="AP2" s="190"/>
      <c r="AQ2" s="190"/>
      <c r="AR2" s="190"/>
      <c r="AS2" s="190"/>
      <c r="AT2" s="190"/>
      <c r="AU2" s="190"/>
      <c r="AV2" s="190"/>
      <c r="AW2" s="190"/>
      <c r="AX2" s="190"/>
      <c r="AY2" s="190"/>
      <c r="AZ2" s="190"/>
      <c r="BA2" s="190"/>
      <c r="BB2" s="190"/>
      <c r="BC2" s="190"/>
      <c r="BD2" s="190"/>
      <c r="BE2" s="190"/>
      <c r="BF2" s="190"/>
      <c r="BG2" s="190"/>
      <c r="BH2" s="190"/>
      <c r="BI2" s="190"/>
      <c r="BJ2" s="190"/>
      <c r="BK2" s="190"/>
      <c r="BL2" s="190"/>
      <c r="BM2" s="190"/>
      <c r="BN2" s="190"/>
    </row>
    <row r="3" spans="1:66" ht="24.75" customHeight="1">
      <c r="A3" s="315" t="s">
        <v>380</v>
      </c>
      <c r="B3" s="315"/>
      <c r="C3" s="315"/>
      <c r="D3" s="315"/>
      <c r="E3" s="315"/>
      <c r="F3" s="315"/>
      <c r="G3" s="315"/>
      <c r="H3" s="315"/>
      <c r="I3" s="315"/>
      <c r="J3" s="315"/>
      <c r="K3" s="315"/>
      <c r="L3" s="315"/>
      <c r="M3" s="315"/>
      <c r="N3" s="315"/>
      <c r="O3" s="315"/>
      <c r="P3" s="315"/>
      <c r="Q3" s="315"/>
      <c r="R3" s="315"/>
      <c r="S3" s="315"/>
      <c r="T3" s="315"/>
      <c r="U3" s="315"/>
      <c r="V3" s="315"/>
      <c r="W3" s="315"/>
      <c r="X3" s="315"/>
      <c r="Y3" s="315"/>
      <c r="Z3" s="315"/>
      <c r="AA3" s="315"/>
      <c r="AB3" s="315"/>
      <c r="AC3" s="315"/>
      <c r="AD3" s="315"/>
      <c r="AE3" s="315"/>
      <c r="AF3" s="315"/>
      <c r="AG3" s="315"/>
      <c r="AH3" s="315"/>
      <c r="AI3" s="315"/>
      <c r="AJ3" s="315"/>
      <c r="AK3" s="315"/>
      <c r="AL3" s="315"/>
      <c r="AM3" s="315"/>
      <c r="AN3" s="315"/>
      <c r="AO3" s="315"/>
      <c r="AP3" s="315"/>
      <c r="AQ3" s="315"/>
      <c r="AR3" s="315"/>
      <c r="AS3" s="315"/>
      <c r="AT3" s="315"/>
      <c r="AU3" s="315"/>
      <c r="AV3" s="315"/>
      <c r="AW3" s="315"/>
      <c r="AX3" s="315"/>
      <c r="AY3" s="315"/>
      <c r="AZ3" s="315"/>
      <c r="BA3" s="315"/>
      <c r="BB3" s="315"/>
      <c r="BC3" s="315"/>
      <c r="BD3" s="315"/>
      <c r="BE3" s="315"/>
      <c r="BF3" s="315"/>
      <c r="BG3" s="315"/>
      <c r="BH3" s="315"/>
      <c r="BI3" s="315"/>
      <c r="BJ3" s="315"/>
      <c r="BK3" s="315"/>
    </row>
    <row r="4" spans="1:66" ht="18" customHeight="1">
      <c r="AO4" s="250" t="s">
        <v>424</v>
      </c>
      <c r="AR4" s="308"/>
      <c r="AS4" s="308"/>
      <c r="AT4" s="308"/>
      <c r="AU4" s="250" t="s">
        <v>4</v>
      </c>
      <c r="AW4" s="308"/>
      <c r="AX4" s="308"/>
      <c r="AY4" s="308"/>
      <c r="AZ4" s="188" t="s">
        <v>5</v>
      </c>
      <c r="BB4" s="308"/>
      <c r="BC4" s="308"/>
      <c r="BD4" s="308"/>
      <c r="BE4" s="250" t="s">
        <v>6</v>
      </c>
    </row>
    <row r="5" spans="1:66" ht="30" customHeight="1">
      <c r="D5" s="2"/>
      <c r="E5" s="277" t="s">
        <v>8</v>
      </c>
      <c r="F5" s="277"/>
      <c r="G5" s="274" t="s">
        <v>82</v>
      </c>
      <c r="H5" s="274"/>
      <c r="I5" s="274"/>
      <c r="J5" s="274"/>
      <c r="K5" s="274"/>
      <c r="L5" s="274"/>
      <c r="M5" s="274"/>
      <c r="N5" s="274"/>
      <c r="O5" s="274"/>
      <c r="P5" s="274"/>
      <c r="Q5" s="274"/>
      <c r="R5" s="274"/>
      <c r="S5" s="3"/>
      <c r="T5" s="316"/>
      <c r="U5" s="317"/>
      <c r="V5" s="317"/>
      <c r="W5" s="317"/>
      <c r="X5" s="317"/>
      <c r="Y5" s="317"/>
      <c r="Z5" s="317"/>
      <c r="AA5" s="317"/>
      <c r="AB5" s="317"/>
      <c r="AC5" s="317"/>
      <c r="AD5" s="317"/>
      <c r="AE5" s="317"/>
      <c r="AF5" s="317"/>
      <c r="AG5" s="317"/>
      <c r="AH5" s="317"/>
      <c r="AI5" s="317"/>
      <c r="AJ5" s="317"/>
      <c r="AK5" s="317"/>
      <c r="AL5" s="317"/>
      <c r="AM5" s="317"/>
      <c r="AN5" s="317"/>
      <c r="AO5" s="317"/>
      <c r="AP5" s="317"/>
      <c r="AQ5" s="317"/>
      <c r="AR5" s="317"/>
      <c r="AS5" s="317"/>
      <c r="AT5" s="317"/>
      <c r="AU5" s="317"/>
      <c r="AV5" s="317"/>
      <c r="AW5" s="317"/>
      <c r="AX5" s="317"/>
      <c r="AY5" s="317"/>
      <c r="AZ5" s="317"/>
      <c r="BA5" s="317"/>
      <c r="BB5" s="317"/>
      <c r="BC5" s="317"/>
      <c r="BD5" s="317"/>
      <c r="BE5" s="317"/>
      <c r="BF5" s="317"/>
      <c r="BG5" s="317"/>
      <c r="BH5" s="317"/>
      <c r="BI5" s="317"/>
      <c r="BJ5" s="318"/>
    </row>
    <row r="6" spans="1:66" ht="30" customHeight="1">
      <c r="D6" s="4" t="s">
        <v>461</v>
      </c>
      <c r="E6" s="319" t="s">
        <v>157</v>
      </c>
      <c r="F6" s="319"/>
      <c r="G6" s="320" t="s">
        <v>83</v>
      </c>
      <c r="H6" s="320"/>
      <c r="I6" s="320"/>
      <c r="J6" s="320"/>
      <c r="K6" s="320"/>
      <c r="L6" s="320"/>
      <c r="M6" s="320"/>
      <c r="N6" s="320"/>
      <c r="O6" s="320"/>
      <c r="P6" s="320"/>
      <c r="Q6" s="320"/>
      <c r="R6" s="320"/>
      <c r="S6" s="5"/>
      <c r="T6" s="322" t="s">
        <v>462</v>
      </c>
      <c r="U6" s="319"/>
      <c r="V6" s="319"/>
      <c r="W6" s="167"/>
      <c r="X6" s="167"/>
      <c r="Y6" s="167"/>
      <c r="Z6" s="167"/>
      <c r="AA6" s="167"/>
      <c r="AB6" s="167"/>
      <c r="AC6" s="167"/>
      <c r="AD6" s="167"/>
      <c r="AE6" s="167"/>
      <c r="AF6" s="167"/>
      <c r="AG6" s="167"/>
      <c r="AH6" s="167"/>
      <c r="AI6" s="167"/>
      <c r="AJ6" s="167"/>
      <c r="AK6" s="167"/>
      <c r="AL6" s="167"/>
      <c r="AM6" s="167"/>
      <c r="AN6" s="167"/>
      <c r="AO6" s="167"/>
      <c r="AP6" s="167"/>
      <c r="AQ6" s="167"/>
      <c r="AR6" s="167"/>
      <c r="AS6" s="167"/>
      <c r="AT6" s="167"/>
      <c r="AU6" s="167"/>
      <c r="AV6" s="319"/>
      <c r="AW6" s="319"/>
      <c r="AX6" s="319"/>
      <c r="AY6" s="319"/>
      <c r="AZ6" s="319"/>
      <c r="BA6" s="319"/>
      <c r="BB6" s="319"/>
      <c r="BC6" s="319"/>
      <c r="BD6" s="319"/>
      <c r="BE6" s="319"/>
      <c r="BF6" s="319"/>
      <c r="BG6" s="319"/>
      <c r="BH6" s="319"/>
      <c r="BI6" s="319"/>
      <c r="BJ6" s="321"/>
    </row>
    <row r="7" spans="1:66" ht="20.100000000000001" customHeight="1">
      <c r="D7" s="6"/>
      <c r="E7" s="188"/>
      <c r="F7" s="188"/>
      <c r="G7" s="189"/>
      <c r="H7" s="189"/>
      <c r="I7" s="189"/>
      <c r="J7" s="189"/>
      <c r="K7" s="189"/>
      <c r="L7" s="189"/>
      <c r="M7" s="189"/>
      <c r="N7" s="189"/>
      <c r="O7" s="189"/>
      <c r="P7" s="189"/>
      <c r="Q7" s="189"/>
      <c r="R7" s="189"/>
      <c r="S7" s="7"/>
      <c r="T7" s="215"/>
      <c r="U7" s="216"/>
      <c r="V7" s="216"/>
      <c r="W7" s="168"/>
      <c r="X7" s="168"/>
      <c r="Y7" s="168"/>
      <c r="Z7" s="168"/>
      <c r="AA7" s="168"/>
      <c r="AB7" s="168"/>
      <c r="AC7" s="168"/>
      <c r="AD7" s="168"/>
      <c r="AE7" s="168"/>
      <c r="AF7" s="168"/>
      <c r="AG7" s="168"/>
      <c r="AH7" s="168"/>
      <c r="AI7" s="168"/>
      <c r="AJ7" s="168"/>
      <c r="AK7" s="168"/>
      <c r="AL7" s="168"/>
      <c r="AM7" s="168"/>
      <c r="AN7" s="168"/>
      <c r="AO7" s="168"/>
      <c r="AP7" s="168"/>
      <c r="AQ7" s="168"/>
      <c r="AR7" s="168"/>
      <c r="AS7" s="168"/>
      <c r="AT7" s="168"/>
      <c r="AU7" s="168"/>
      <c r="AV7" s="216"/>
      <c r="AW7" s="216"/>
      <c r="AX7" s="216"/>
      <c r="AY7" s="216"/>
      <c r="AZ7" s="216"/>
      <c r="BA7" s="216"/>
      <c r="BB7" s="216"/>
      <c r="BC7" s="216"/>
      <c r="BD7" s="216"/>
      <c r="BE7" s="216"/>
      <c r="BF7" s="216"/>
      <c r="BG7" s="216"/>
      <c r="BH7" s="216"/>
      <c r="BI7" s="216"/>
      <c r="BJ7" s="217"/>
    </row>
    <row r="8" spans="1:66" ht="26.4" customHeight="1">
      <c r="D8" s="6"/>
      <c r="E8" s="188"/>
      <c r="F8" s="188"/>
      <c r="G8" s="189"/>
      <c r="H8" s="189"/>
      <c r="I8" s="189"/>
      <c r="J8" s="189"/>
      <c r="K8" s="189"/>
      <c r="L8" s="189"/>
      <c r="M8" s="189"/>
      <c r="N8" s="189"/>
      <c r="O8" s="189"/>
      <c r="P8" s="189"/>
      <c r="Q8" s="189"/>
      <c r="R8" s="189"/>
      <c r="S8" s="7"/>
      <c r="T8" s="297" t="s">
        <v>463</v>
      </c>
      <c r="U8" s="288"/>
      <c r="V8" s="294"/>
      <c r="W8" s="187"/>
      <c r="X8" s="184"/>
      <c r="Y8" s="184"/>
      <c r="Z8" s="184"/>
      <c r="AA8" s="184"/>
      <c r="AB8" s="184"/>
      <c r="AC8" s="184"/>
      <c r="AD8" s="184"/>
      <c r="AE8" s="184"/>
      <c r="AF8" s="184"/>
      <c r="AG8" s="184"/>
      <c r="AH8" s="184"/>
      <c r="AI8" s="184"/>
      <c r="AJ8" s="184"/>
      <c r="AK8" s="184"/>
      <c r="AL8" s="184"/>
      <c r="AM8" s="184"/>
      <c r="AN8" s="184"/>
      <c r="AO8" s="185"/>
      <c r="AP8" s="323" t="s">
        <v>464</v>
      </c>
      <c r="AQ8" s="324"/>
      <c r="AR8" s="325"/>
      <c r="AS8" s="187"/>
      <c r="AT8" s="184"/>
      <c r="AU8" s="184"/>
      <c r="AV8" s="183"/>
      <c r="AW8" s="183"/>
      <c r="AX8" s="183"/>
      <c r="AY8" s="183"/>
      <c r="AZ8" s="183"/>
      <c r="BA8" s="183"/>
      <c r="BB8" s="183"/>
      <c r="BC8" s="183"/>
      <c r="BD8" s="183"/>
      <c r="BE8" s="183"/>
      <c r="BF8" s="183"/>
      <c r="BG8" s="183"/>
      <c r="BH8" s="183"/>
      <c r="BI8" s="183"/>
      <c r="BJ8" s="186"/>
    </row>
    <row r="9" spans="1:66" ht="30" customHeight="1">
      <c r="D9" s="6"/>
      <c r="E9" s="188"/>
      <c r="F9" s="188"/>
      <c r="G9" s="189"/>
      <c r="H9" s="189"/>
      <c r="I9" s="189"/>
      <c r="J9" s="189"/>
      <c r="K9" s="189"/>
      <c r="L9" s="189"/>
      <c r="M9" s="189"/>
      <c r="N9" s="189"/>
      <c r="O9" s="189"/>
      <c r="P9" s="189"/>
      <c r="Q9" s="189"/>
      <c r="R9" s="189"/>
      <c r="S9" s="7"/>
      <c r="T9" s="326" t="s">
        <v>10</v>
      </c>
      <c r="U9" s="327"/>
      <c r="V9" s="327"/>
      <c r="W9" s="327"/>
      <c r="X9" s="327"/>
      <c r="Y9" s="327"/>
      <c r="Z9" s="328"/>
      <c r="AA9" s="340"/>
      <c r="AB9" s="340"/>
      <c r="AC9" s="340"/>
      <c r="AD9" s="340"/>
      <c r="AE9" s="340"/>
      <c r="AF9" s="340"/>
      <c r="AG9" s="340"/>
      <c r="AH9" s="340"/>
      <c r="AI9" s="340"/>
      <c r="AJ9" s="340"/>
      <c r="AK9" s="340"/>
      <c r="AL9" s="340"/>
      <c r="AM9" s="299" t="s">
        <v>11</v>
      </c>
      <c r="AN9" s="299"/>
      <c r="AO9" s="342"/>
      <c r="AP9" s="327"/>
      <c r="AQ9" s="327"/>
      <c r="AR9" s="327"/>
      <c r="AS9" s="327"/>
      <c r="AT9" s="327"/>
      <c r="AU9" s="327"/>
      <c r="AV9" s="328"/>
      <c r="AW9" s="299" t="s">
        <v>13</v>
      </c>
      <c r="AX9" s="299"/>
      <c r="AY9" s="301" t="s">
        <v>465</v>
      </c>
      <c r="AZ9" s="301"/>
      <c r="BA9" s="301"/>
      <c r="BB9" s="301"/>
      <c r="BC9" s="302" t="s">
        <v>1</v>
      </c>
      <c r="BD9" s="303"/>
      <c r="BE9" s="303"/>
      <c r="BF9" s="303"/>
      <c r="BG9" s="303"/>
      <c r="BH9" s="303"/>
      <c r="BI9" s="303"/>
      <c r="BJ9" s="304"/>
    </row>
    <row r="10" spans="1:66" ht="30" customHeight="1">
      <c r="D10" s="8"/>
      <c r="E10" s="176"/>
      <c r="F10" s="176"/>
      <c r="G10" s="177"/>
      <c r="H10" s="177"/>
      <c r="I10" s="177"/>
      <c r="J10" s="177"/>
      <c r="K10" s="177"/>
      <c r="L10" s="177"/>
      <c r="M10" s="177"/>
      <c r="N10" s="177"/>
      <c r="O10" s="177"/>
      <c r="P10" s="177"/>
      <c r="Q10" s="177"/>
      <c r="R10" s="177"/>
      <c r="S10" s="9"/>
      <c r="T10" s="329"/>
      <c r="U10" s="275"/>
      <c r="V10" s="275"/>
      <c r="W10" s="275"/>
      <c r="X10" s="275"/>
      <c r="Y10" s="275"/>
      <c r="Z10" s="330"/>
      <c r="AA10" s="341"/>
      <c r="AB10" s="341"/>
      <c r="AC10" s="341"/>
      <c r="AD10" s="341"/>
      <c r="AE10" s="341"/>
      <c r="AF10" s="341"/>
      <c r="AG10" s="341"/>
      <c r="AH10" s="341"/>
      <c r="AI10" s="341"/>
      <c r="AJ10" s="341"/>
      <c r="AK10" s="341"/>
      <c r="AL10" s="341"/>
      <c r="AM10" s="300"/>
      <c r="AN10" s="300"/>
      <c r="AO10" s="343"/>
      <c r="AP10" s="275"/>
      <c r="AQ10" s="275"/>
      <c r="AR10" s="275"/>
      <c r="AS10" s="275"/>
      <c r="AT10" s="275"/>
      <c r="AU10" s="275"/>
      <c r="AV10" s="330"/>
      <c r="AW10" s="300"/>
      <c r="AX10" s="300"/>
      <c r="AY10" s="300" t="s">
        <v>12</v>
      </c>
      <c r="AZ10" s="300"/>
      <c r="BA10" s="300"/>
      <c r="BB10" s="300"/>
      <c r="BC10" s="305" t="s">
        <v>1</v>
      </c>
      <c r="BD10" s="306"/>
      <c r="BE10" s="306"/>
      <c r="BF10" s="306"/>
      <c r="BG10" s="306"/>
      <c r="BH10" s="306"/>
      <c r="BI10" s="306"/>
      <c r="BJ10" s="307"/>
    </row>
    <row r="11" spans="1:66" ht="30" customHeight="1">
      <c r="D11" s="6" t="s">
        <v>429</v>
      </c>
      <c r="E11" s="308" t="s">
        <v>158</v>
      </c>
      <c r="F11" s="308"/>
      <c r="G11" s="309" t="s">
        <v>253</v>
      </c>
      <c r="H11" s="309"/>
      <c r="I11" s="309"/>
      <c r="J11" s="309"/>
      <c r="K11" s="309"/>
      <c r="L11" s="309"/>
      <c r="M11" s="309"/>
      <c r="N11" s="309"/>
      <c r="O11" s="309"/>
      <c r="P11" s="309"/>
      <c r="Q11" s="309"/>
      <c r="R11" s="309"/>
      <c r="S11" s="7"/>
      <c r="T11" s="163"/>
      <c r="U11" s="164" t="s">
        <v>254</v>
      </c>
      <c r="V11" s="164"/>
      <c r="W11" s="164"/>
      <c r="X11" s="164"/>
      <c r="Y11" s="164"/>
      <c r="Z11" s="164"/>
      <c r="AA11" s="164"/>
      <c r="AB11" s="164"/>
      <c r="AC11" s="164"/>
      <c r="AD11" s="164"/>
      <c r="AE11" s="164"/>
      <c r="AF11" s="164"/>
      <c r="AG11" s="164"/>
      <c r="AH11" s="164"/>
      <c r="AI11" s="164"/>
      <c r="AJ11" s="164"/>
      <c r="AK11" s="164"/>
      <c r="AL11" s="164"/>
      <c r="AM11" s="164"/>
      <c r="AN11" s="164"/>
      <c r="AO11" s="164"/>
      <c r="AP11" s="164"/>
      <c r="AQ11" s="164"/>
      <c r="AR11" s="164"/>
      <c r="AS11" s="164"/>
      <c r="AT11" s="164"/>
      <c r="AU11" s="164"/>
      <c r="AV11" s="164"/>
      <c r="AW11" s="164"/>
      <c r="AX11" s="164"/>
      <c r="AY11" s="164"/>
      <c r="AZ11" s="164"/>
      <c r="BA11" s="164"/>
      <c r="BB11" s="164"/>
      <c r="BC11" s="164"/>
      <c r="BD11" s="164"/>
      <c r="BE11" s="164"/>
      <c r="BF11" s="164"/>
      <c r="BG11" s="164"/>
      <c r="BH11" s="164"/>
      <c r="BI11" s="164"/>
      <c r="BJ11" s="165"/>
    </row>
    <row r="12" spans="1:66" ht="30" customHeight="1">
      <c r="D12" s="10"/>
      <c r="E12" s="278" t="s">
        <v>163</v>
      </c>
      <c r="F12" s="278"/>
      <c r="G12" s="310" t="s">
        <v>14</v>
      </c>
      <c r="H12" s="310"/>
      <c r="I12" s="310"/>
      <c r="J12" s="310"/>
      <c r="K12" s="310"/>
      <c r="L12" s="310"/>
      <c r="M12" s="310"/>
      <c r="N12" s="310"/>
      <c r="O12" s="310"/>
      <c r="P12" s="310"/>
      <c r="Q12" s="310"/>
      <c r="R12" s="310"/>
      <c r="S12" s="11"/>
      <c r="T12" s="311"/>
      <c r="U12" s="312"/>
      <c r="V12" s="312"/>
      <c r="W12" s="312"/>
      <c r="X12" s="312"/>
      <c r="Y12" s="312"/>
      <c r="Z12" s="312"/>
      <c r="AA12" s="312"/>
      <c r="AB12" s="312"/>
      <c r="AC12" s="312"/>
      <c r="AD12" s="312"/>
      <c r="AE12" s="312"/>
      <c r="AF12" s="312"/>
      <c r="AG12" s="312"/>
      <c r="AH12" s="312"/>
      <c r="AI12" s="312"/>
      <c r="AJ12" s="312"/>
      <c r="AK12" s="312"/>
      <c r="AL12" s="312"/>
      <c r="AM12" s="312"/>
      <c r="AN12" s="312"/>
      <c r="AO12" s="312"/>
      <c r="AP12" s="312"/>
      <c r="AQ12" s="312"/>
      <c r="AR12" s="312"/>
      <c r="AS12" s="312"/>
      <c r="AT12" s="312"/>
      <c r="AU12" s="312"/>
      <c r="AV12" s="312"/>
      <c r="AW12" s="312"/>
      <c r="AX12" s="312"/>
      <c r="AY12" s="312"/>
      <c r="AZ12" s="312"/>
      <c r="BA12" s="312"/>
      <c r="BB12" s="312"/>
      <c r="BC12" s="312"/>
      <c r="BD12" s="312"/>
      <c r="BE12" s="312"/>
      <c r="BF12" s="312"/>
      <c r="BG12" s="312"/>
      <c r="BH12" s="312"/>
      <c r="BI12" s="312"/>
      <c r="BJ12" s="313"/>
    </row>
    <row r="13" spans="1:66" ht="30" customHeight="1">
      <c r="D13" s="10" t="s">
        <v>466</v>
      </c>
      <c r="E13" s="279" t="s">
        <v>305</v>
      </c>
      <c r="F13" s="279"/>
      <c r="G13" s="280" t="s">
        <v>467</v>
      </c>
      <c r="H13" s="280"/>
      <c r="I13" s="280"/>
      <c r="J13" s="280"/>
      <c r="K13" s="280"/>
      <c r="L13" s="280"/>
      <c r="M13" s="280"/>
      <c r="N13" s="280"/>
      <c r="O13" s="280"/>
      <c r="P13" s="280"/>
      <c r="Q13" s="280"/>
      <c r="R13" s="280"/>
      <c r="S13" s="11"/>
      <c r="T13" s="296" t="s">
        <v>462</v>
      </c>
      <c r="U13" s="284"/>
      <c r="V13" s="284"/>
      <c r="W13" s="284"/>
      <c r="X13" s="284"/>
      <c r="Y13" s="284"/>
      <c r="Z13" s="284"/>
      <c r="AA13" s="284"/>
      <c r="AB13" s="284"/>
      <c r="AC13" s="284"/>
      <c r="AD13" s="284"/>
      <c r="AE13" s="284"/>
      <c r="AF13" s="284"/>
      <c r="AG13" s="284"/>
      <c r="AH13" s="284"/>
      <c r="AI13" s="284"/>
      <c r="AJ13" s="284"/>
      <c r="AK13" s="284"/>
      <c r="AL13" s="284"/>
      <c r="AM13" s="284"/>
      <c r="AN13" s="284"/>
      <c r="AO13" s="284"/>
      <c r="AP13" s="284"/>
      <c r="AQ13" s="284"/>
      <c r="AR13" s="284"/>
      <c r="AS13" s="284"/>
      <c r="AT13" s="284"/>
      <c r="AU13" s="285"/>
      <c r="AV13" s="286" t="s">
        <v>463</v>
      </c>
      <c r="AW13" s="279"/>
      <c r="AX13" s="282"/>
      <c r="AY13" s="286"/>
      <c r="AZ13" s="279"/>
      <c r="BA13" s="279"/>
      <c r="BB13" s="279"/>
      <c r="BC13" s="279"/>
      <c r="BD13" s="279"/>
      <c r="BE13" s="279"/>
      <c r="BF13" s="279"/>
      <c r="BG13" s="279"/>
      <c r="BH13" s="279"/>
      <c r="BI13" s="279"/>
      <c r="BJ13" s="287"/>
    </row>
    <row r="14" spans="1:66" ht="30" customHeight="1">
      <c r="D14" s="12" t="s">
        <v>429</v>
      </c>
      <c r="E14" s="288" t="s">
        <v>306</v>
      </c>
      <c r="F14" s="288"/>
      <c r="G14" s="289" t="s">
        <v>430</v>
      </c>
      <c r="H14" s="289"/>
      <c r="I14" s="289"/>
      <c r="J14" s="289"/>
      <c r="K14" s="289"/>
      <c r="L14" s="289"/>
      <c r="M14" s="289"/>
      <c r="N14" s="289"/>
      <c r="O14" s="289"/>
      <c r="P14" s="289"/>
      <c r="Q14" s="289"/>
      <c r="R14" s="289"/>
      <c r="S14" s="13"/>
      <c r="T14" s="297" t="s">
        <v>15</v>
      </c>
      <c r="U14" s="288"/>
      <c r="V14" s="288"/>
      <c r="W14" s="288"/>
      <c r="X14" s="288"/>
      <c r="Y14" s="294"/>
      <c r="Z14" s="298"/>
      <c r="AA14" s="291"/>
      <c r="AB14" s="291"/>
      <c r="AC14" s="291"/>
      <c r="AD14" s="291"/>
      <c r="AE14" s="291"/>
      <c r="AF14" s="291"/>
      <c r="AG14" s="291"/>
      <c r="AH14" s="291"/>
      <c r="AI14" s="291"/>
      <c r="AJ14" s="291"/>
      <c r="AK14" s="291"/>
      <c r="AL14" s="291"/>
      <c r="AM14" s="291"/>
      <c r="AN14" s="291"/>
      <c r="AO14" s="292"/>
      <c r="AP14" s="293" t="s">
        <v>16</v>
      </c>
      <c r="AQ14" s="288"/>
      <c r="AR14" s="288"/>
      <c r="AS14" s="288"/>
      <c r="AT14" s="288"/>
      <c r="AU14" s="294"/>
      <c r="AV14" s="293"/>
      <c r="AW14" s="288"/>
      <c r="AX14" s="288"/>
      <c r="AY14" s="288"/>
      <c r="AZ14" s="288"/>
      <c r="BA14" s="288"/>
      <c r="BB14" s="288"/>
      <c r="BC14" s="288"/>
      <c r="BD14" s="288"/>
      <c r="BE14" s="288"/>
      <c r="BF14" s="288"/>
      <c r="BG14" s="288"/>
      <c r="BH14" s="288"/>
      <c r="BI14" s="288"/>
      <c r="BJ14" s="295"/>
    </row>
    <row r="15" spans="1:66" ht="30" customHeight="1">
      <c r="D15" s="14" t="s">
        <v>429</v>
      </c>
      <c r="E15" s="279" t="s">
        <v>307</v>
      </c>
      <c r="F15" s="279"/>
      <c r="G15" s="280" t="s">
        <v>468</v>
      </c>
      <c r="H15" s="280"/>
      <c r="I15" s="280"/>
      <c r="J15" s="280"/>
      <c r="K15" s="280"/>
      <c r="L15" s="280"/>
      <c r="M15" s="280"/>
      <c r="N15" s="280"/>
      <c r="O15" s="280"/>
      <c r="P15" s="280"/>
      <c r="Q15" s="280"/>
      <c r="R15" s="280"/>
      <c r="S15" s="15"/>
      <c r="T15" s="281" t="s">
        <v>15</v>
      </c>
      <c r="U15" s="279"/>
      <c r="V15" s="279"/>
      <c r="W15" s="279"/>
      <c r="X15" s="279"/>
      <c r="Y15" s="282"/>
      <c r="Z15" s="283"/>
      <c r="AA15" s="284"/>
      <c r="AB15" s="284"/>
      <c r="AC15" s="284"/>
      <c r="AD15" s="284"/>
      <c r="AE15" s="284"/>
      <c r="AF15" s="284"/>
      <c r="AG15" s="284"/>
      <c r="AH15" s="284"/>
      <c r="AI15" s="284"/>
      <c r="AJ15" s="284"/>
      <c r="AK15" s="284"/>
      <c r="AL15" s="284"/>
      <c r="AM15" s="284"/>
      <c r="AN15" s="284"/>
      <c r="AO15" s="285"/>
      <c r="AP15" s="286" t="s">
        <v>16</v>
      </c>
      <c r="AQ15" s="279"/>
      <c r="AR15" s="279"/>
      <c r="AS15" s="279"/>
      <c r="AT15" s="279"/>
      <c r="AU15" s="282"/>
      <c r="AV15" s="286"/>
      <c r="AW15" s="279"/>
      <c r="AX15" s="279"/>
      <c r="AY15" s="279"/>
      <c r="AZ15" s="279"/>
      <c r="BA15" s="279"/>
      <c r="BB15" s="279"/>
      <c r="BC15" s="279"/>
      <c r="BD15" s="279"/>
      <c r="BE15" s="279"/>
      <c r="BF15" s="279"/>
      <c r="BG15" s="279"/>
      <c r="BH15" s="279"/>
      <c r="BI15" s="279"/>
      <c r="BJ15" s="287"/>
    </row>
    <row r="16" spans="1:66" ht="30" customHeight="1">
      <c r="D16" s="12" t="s">
        <v>429</v>
      </c>
      <c r="E16" s="288" t="s">
        <v>308</v>
      </c>
      <c r="F16" s="288"/>
      <c r="G16" s="289" t="s">
        <v>469</v>
      </c>
      <c r="H16" s="289"/>
      <c r="I16" s="289"/>
      <c r="J16" s="289"/>
      <c r="K16" s="289"/>
      <c r="L16" s="289"/>
      <c r="M16" s="289"/>
      <c r="N16" s="289"/>
      <c r="O16" s="289"/>
      <c r="P16" s="289"/>
      <c r="Q16" s="289"/>
      <c r="R16" s="289"/>
      <c r="S16" s="13"/>
      <c r="T16" s="290" t="s">
        <v>462</v>
      </c>
      <c r="U16" s="291"/>
      <c r="V16" s="291"/>
      <c r="W16" s="291"/>
      <c r="X16" s="291"/>
      <c r="Y16" s="291"/>
      <c r="Z16" s="291"/>
      <c r="AA16" s="291"/>
      <c r="AB16" s="291"/>
      <c r="AC16" s="291"/>
      <c r="AD16" s="291"/>
      <c r="AE16" s="291"/>
      <c r="AF16" s="291"/>
      <c r="AG16" s="291"/>
      <c r="AH16" s="291"/>
      <c r="AI16" s="291"/>
      <c r="AJ16" s="291"/>
      <c r="AK16" s="291"/>
      <c r="AL16" s="291"/>
      <c r="AM16" s="291"/>
      <c r="AN16" s="291"/>
      <c r="AO16" s="291"/>
      <c r="AP16" s="291"/>
      <c r="AQ16" s="291"/>
      <c r="AR16" s="291"/>
      <c r="AS16" s="291"/>
      <c r="AT16" s="291"/>
      <c r="AU16" s="292"/>
      <c r="AV16" s="293" t="s">
        <v>463</v>
      </c>
      <c r="AW16" s="288"/>
      <c r="AX16" s="294"/>
      <c r="AY16" s="293"/>
      <c r="AZ16" s="288"/>
      <c r="BA16" s="288"/>
      <c r="BB16" s="288"/>
      <c r="BC16" s="288"/>
      <c r="BD16" s="288"/>
      <c r="BE16" s="288"/>
      <c r="BF16" s="288"/>
      <c r="BG16" s="288"/>
      <c r="BH16" s="288"/>
      <c r="BI16" s="288"/>
      <c r="BJ16" s="295"/>
    </row>
    <row r="17" spans="4:76" ht="30" customHeight="1">
      <c r="D17" s="8" t="s">
        <v>429</v>
      </c>
      <c r="E17" s="275" t="s">
        <v>309</v>
      </c>
      <c r="F17" s="275"/>
      <c r="G17" s="276" t="s">
        <v>470</v>
      </c>
      <c r="H17" s="276"/>
      <c r="I17" s="276"/>
      <c r="J17" s="276"/>
      <c r="K17" s="276"/>
      <c r="L17" s="276"/>
      <c r="M17" s="276"/>
      <c r="N17" s="276"/>
      <c r="O17" s="276"/>
      <c r="P17" s="276"/>
      <c r="Q17" s="276"/>
      <c r="R17" s="276"/>
      <c r="S17" s="9"/>
      <c r="U17" s="339" t="s">
        <v>425</v>
      </c>
      <c r="V17" s="339"/>
      <c r="W17" s="339"/>
      <c r="X17" s="275"/>
      <c r="Y17" s="275"/>
      <c r="Z17" s="275"/>
      <c r="AA17" s="251" t="s">
        <v>4</v>
      </c>
      <c r="AB17" s="251"/>
      <c r="AC17" s="275"/>
      <c r="AD17" s="275"/>
      <c r="AE17" s="275"/>
      <c r="AF17" s="176" t="s">
        <v>5</v>
      </c>
      <c r="AG17" s="251"/>
      <c r="AH17" s="275"/>
      <c r="AI17" s="275"/>
      <c r="AJ17" s="275"/>
      <c r="AK17" s="250" t="s">
        <v>17</v>
      </c>
      <c r="AL17" s="189"/>
      <c r="AM17" s="189"/>
      <c r="AN17" s="189"/>
      <c r="AO17" s="189"/>
      <c r="AP17" s="189"/>
      <c r="AQ17" s="189"/>
      <c r="AR17" s="335" t="s">
        <v>426</v>
      </c>
      <c r="AS17" s="335"/>
      <c r="AT17" s="335"/>
      <c r="AU17" s="335"/>
      <c r="AV17" s="335"/>
      <c r="AW17" s="335"/>
      <c r="AX17" s="336"/>
      <c r="AY17" s="336"/>
      <c r="AZ17" s="336"/>
      <c r="BA17" s="336"/>
      <c r="BB17" s="336"/>
      <c r="BC17" s="336"/>
      <c r="BD17" s="336"/>
      <c r="BE17" s="336"/>
      <c r="BF17" s="336"/>
      <c r="BG17" s="336"/>
      <c r="BH17" s="336"/>
      <c r="BI17" s="336"/>
      <c r="BJ17" s="337"/>
    </row>
    <row r="18" spans="4:76" ht="30" customHeight="1">
      <c r="D18" s="2" t="s">
        <v>429</v>
      </c>
      <c r="E18" s="277" t="s">
        <v>310</v>
      </c>
      <c r="F18" s="277"/>
      <c r="G18" s="274" t="s">
        <v>84</v>
      </c>
      <c r="H18" s="274"/>
      <c r="I18" s="274"/>
      <c r="J18" s="274"/>
      <c r="K18" s="274"/>
      <c r="L18" s="274"/>
      <c r="M18" s="274"/>
      <c r="N18" s="274"/>
      <c r="O18" s="274"/>
      <c r="P18" s="274"/>
      <c r="Q18" s="274"/>
      <c r="R18" s="274"/>
      <c r="S18" s="3"/>
      <c r="T18" s="249"/>
      <c r="U18" s="277" t="s">
        <v>18</v>
      </c>
      <c r="V18" s="277"/>
      <c r="W18" s="277" t="s">
        <v>85</v>
      </c>
      <c r="X18" s="277"/>
      <c r="Y18" s="277"/>
      <c r="Z18" s="277"/>
      <c r="AA18" s="277"/>
      <c r="AB18" s="277"/>
      <c r="AC18" s="277"/>
      <c r="AD18" s="277"/>
      <c r="AE18" s="277"/>
      <c r="AF18" s="277"/>
      <c r="AG18" s="338" t="s">
        <v>19</v>
      </c>
      <c r="AH18" s="338"/>
      <c r="AI18" s="338"/>
      <c r="AJ18" s="338"/>
      <c r="AK18" s="338"/>
      <c r="AL18" s="338"/>
      <c r="AM18" s="277" t="s">
        <v>20</v>
      </c>
      <c r="AN18" s="277"/>
      <c r="AO18" s="277"/>
      <c r="AP18" s="277"/>
      <c r="AQ18" s="277"/>
      <c r="AR18" s="277"/>
      <c r="AS18" s="277"/>
      <c r="AT18" s="277"/>
      <c r="AU18" s="277"/>
      <c r="AV18" s="277"/>
      <c r="AW18" s="249"/>
      <c r="AX18" s="249"/>
      <c r="BA18" s="308"/>
      <c r="BB18" s="308"/>
      <c r="BG18" s="48"/>
      <c r="BH18" s="308" t="s">
        <v>22</v>
      </c>
      <c r="BI18" s="308"/>
      <c r="BJ18" s="7"/>
    </row>
    <row r="19" spans="4:76" ht="30" customHeight="1">
      <c r="D19" s="8"/>
      <c r="E19" s="176"/>
      <c r="F19" s="176"/>
      <c r="G19" s="177"/>
      <c r="H19" s="177"/>
      <c r="I19" s="177"/>
      <c r="J19" s="177"/>
      <c r="K19" s="177"/>
      <c r="L19" s="177"/>
      <c r="M19" s="177"/>
      <c r="N19" s="177"/>
      <c r="O19" s="177"/>
      <c r="P19" s="177"/>
      <c r="Q19" s="177"/>
      <c r="R19" s="177"/>
      <c r="S19" s="9"/>
      <c r="T19" s="176"/>
      <c r="U19" s="275"/>
      <c r="V19" s="275"/>
      <c r="W19" s="176"/>
      <c r="X19" s="176"/>
      <c r="Y19" s="176"/>
      <c r="Z19" s="176"/>
      <c r="AA19" s="176"/>
      <c r="AB19" s="176"/>
      <c r="AC19" s="176"/>
      <c r="AD19" s="176"/>
      <c r="AE19" s="176"/>
      <c r="AF19" s="176"/>
      <c r="AG19" s="331" t="s">
        <v>21</v>
      </c>
      <c r="AH19" s="331"/>
      <c r="AI19" s="331"/>
      <c r="AJ19" s="331"/>
      <c r="AK19" s="331"/>
      <c r="AL19" s="331"/>
      <c r="AM19" s="331"/>
      <c r="AN19" s="331"/>
      <c r="AO19" s="331"/>
      <c r="AP19" s="331"/>
      <c r="AQ19" s="332" t="s">
        <v>19</v>
      </c>
      <c r="AR19" s="332"/>
      <c r="AS19" s="332"/>
      <c r="AT19" s="332"/>
      <c r="AU19" s="332"/>
      <c r="AV19" s="332"/>
      <c r="AW19" s="332"/>
      <c r="AX19" s="176" t="s">
        <v>23</v>
      </c>
      <c r="AY19" s="176"/>
      <c r="AZ19" s="196"/>
      <c r="BA19" s="196"/>
      <c r="BB19" s="196"/>
      <c r="BC19" s="176"/>
      <c r="BD19" s="197"/>
      <c r="BE19" s="197"/>
      <c r="BF19" s="176"/>
      <c r="BG19" s="199"/>
      <c r="BH19" s="275"/>
      <c r="BI19" s="275"/>
      <c r="BJ19" s="16"/>
      <c r="BK19" s="235"/>
      <c r="BM19" s="188"/>
      <c r="BN19" s="188"/>
    </row>
    <row r="20" spans="4:76" ht="30" customHeight="1">
      <c r="D20" s="6" t="s">
        <v>7</v>
      </c>
      <c r="E20" s="308" t="s">
        <v>311</v>
      </c>
      <c r="F20" s="308"/>
      <c r="G20" s="309" t="s">
        <v>101</v>
      </c>
      <c r="H20" s="309"/>
      <c r="I20" s="309"/>
      <c r="J20" s="309"/>
      <c r="K20" s="309"/>
      <c r="L20" s="309"/>
      <c r="M20" s="309"/>
      <c r="N20" s="309"/>
      <c r="O20" s="309"/>
      <c r="P20" s="309"/>
      <c r="Q20" s="309"/>
      <c r="R20" s="309"/>
      <c r="S20" s="7"/>
      <c r="T20" s="281" t="s">
        <v>102</v>
      </c>
      <c r="U20" s="279"/>
      <c r="V20" s="279"/>
      <c r="W20" s="279"/>
      <c r="X20" s="279"/>
      <c r="Y20" s="279"/>
      <c r="Z20" s="279"/>
      <c r="AA20" s="279"/>
      <c r="AB20" s="279"/>
      <c r="AC20" s="279"/>
      <c r="AD20" s="279"/>
      <c r="AE20" s="279"/>
      <c r="AF20" s="279"/>
      <c r="AG20" s="333"/>
      <c r="AH20" s="334" t="s">
        <v>103</v>
      </c>
      <c r="AI20" s="279"/>
      <c r="AJ20" s="279"/>
      <c r="AK20" s="279"/>
      <c r="AL20" s="279"/>
      <c r="AM20" s="279"/>
      <c r="AN20" s="279"/>
      <c r="AO20" s="279"/>
      <c r="AP20" s="279"/>
      <c r="AQ20" s="279"/>
      <c r="AR20" s="279"/>
      <c r="AS20" s="279"/>
      <c r="AT20" s="279"/>
      <c r="AU20" s="279"/>
      <c r="AV20" s="333"/>
      <c r="AW20" s="334" t="s">
        <v>29</v>
      </c>
      <c r="AX20" s="279"/>
      <c r="AY20" s="279"/>
      <c r="AZ20" s="279"/>
      <c r="BA20" s="279"/>
      <c r="BB20" s="279"/>
      <c r="BC20" s="279"/>
      <c r="BD20" s="279"/>
      <c r="BE20" s="279"/>
      <c r="BF20" s="279"/>
      <c r="BG20" s="279"/>
      <c r="BH20" s="279"/>
      <c r="BI20" s="279"/>
      <c r="BJ20" s="287"/>
    </row>
    <row r="21" spans="4:76" ht="30" customHeight="1">
      <c r="D21" s="6"/>
      <c r="E21" s="188"/>
      <c r="F21" s="188"/>
      <c r="G21" s="125"/>
      <c r="H21" s="344" t="s">
        <v>24</v>
      </c>
      <c r="I21" s="278"/>
      <c r="J21" s="278"/>
      <c r="K21" s="278"/>
      <c r="L21" s="278"/>
      <c r="M21" s="278"/>
      <c r="N21" s="278"/>
      <c r="O21" s="278"/>
      <c r="P21" s="278"/>
      <c r="Q21" s="278"/>
      <c r="R21" s="278"/>
      <c r="S21" s="345"/>
      <c r="T21" s="10"/>
      <c r="U21" s="278"/>
      <c r="V21" s="278"/>
      <c r="W21" s="179" t="s">
        <v>27</v>
      </c>
      <c r="X21" s="278"/>
      <c r="Y21" s="278"/>
      <c r="Z21" s="278" t="s">
        <v>28</v>
      </c>
      <c r="AA21" s="278"/>
      <c r="AB21" s="278"/>
      <c r="AC21" s="278"/>
      <c r="AD21" s="179" t="s">
        <v>27</v>
      </c>
      <c r="AE21" s="278"/>
      <c r="AF21" s="278"/>
      <c r="AG21" s="17"/>
      <c r="AH21" s="18"/>
      <c r="AI21" s="278"/>
      <c r="AJ21" s="278"/>
      <c r="AK21" s="179" t="s">
        <v>27</v>
      </c>
      <c r="AL21" s="278"/>
      <c r="AM21" s="278"/>
      <c r="AN21" s="278" t="s">
        <v>28</v>
      </c>
      <c r="AO21" s="278"/>
      <c r="AP21" s="278"/>
      <c r="AQ21" s="278"/>
      <c r="AR21" s="179" t="s">
        <v>27</v>
      </c>
      <c r="AS21" s="278"/>
      <c r="AT21" s="278"/>
      <c r="AU21" s="18"/>
      <c r="AV21" s="17"/>
      <c r="AW21" s="344"/>
      <c r="AX21" s="278"/>
      <c r="AY21" s="278"/>
      <c r="AZ21" s="278"/>
      <c r="BA21" s="278"/>
      <c r="BB21" s="278"/>
      <c r="BC21" s="278"/>
      <c r="BD21" s="278"/>
      <c r="BE21" s="278"/>
      <c r="BF21" s="278"/>
      <c r="BG21" s="278"/>
      <c r="BH21" s="278"/>
      <c r="BI21" s="278"/>
      <c r="BJ21" s="345"/>
    </row>
    <row r="22" spans="4:76" ht="30" customHeight="1">
      <c r="D22" s="6"/>
      <c r="E22" s="188"/>
      <c r="F22" s="188"/>
      <c r="G22" s="125"/>
      <c r="H22" s="344" t="s">
        <v>25</v>
      </c>
      <c r="I22" s="278"/>
      <c r="J22" s="278"/>
      <c r="K22" s="278"/>
      <c r="L22" s="278"/>
      <c r="M22" s="278"/>
      <c r="N22" s="278"/>
      <c r="O22" s="278"/>
      <c r="P22" s="278"/>
      <c r="Q22" s="278"/>
      <c r="R22" s="278"/>
      <c r="S22" s="345"/>
      <c r="T22" s="10"/>
      <c r="U22" s="278"/>
      <c r="V22" s="278"/>
      <c r="W22" s="179" t="s">
        <v>27</v>
      </c>
      <c r="X22" s="278"/>
      <c r="Y22" s="278"/>
      <c r="Z22" s="278" t="s">
        <v>28</v>
      </c>
      <c r="AA22" s="278"/>
      <c r="AB22" s="278"/>
      <c r="AC22" s="278"/>
      <c r="AD22" s="179" t="s">
        <v>27</v>
      </c>
      <c r="AE22" s="278"/>
      <c r="AF22" s="278"/>
      <c r="AG22" s="17"/>
      <c r="AH22" s="18"/>
      <c r="AI22" s="278"/>
      <c r="AJ22" s="278"/>
      <c r="AK22" s="179" t="s">
        <v>27</v>
      </c>
      <c r="AL22" s="278"/>
      <c r="AM22" s="278"/>
      <c r="AN22" s="278" t="s">
        <v>28</v>
      </c>
      <c r="AO22" s="278"/>
      <c r="AP22" s="278"/>
      <c r="AQ22" s="278"/>
      <c r="AR22" s="179" t="s">
        <v>27</v>
      </c>
      <c r="AS22" s="278"/>
      <c r="AT22" s="278"/>
      <c r="AU22" s="18"/>
      <c r="AV22" s="17"/>
      <c r="AW22" s="344"/>
      <c r="AX22" s="278"/>
      <c r="AY22" s="278"/>
      <c r="AZ22" s="278"/>
      <c r="BA22" s="278"/>
      <c r="BB22" s="278"/>
      <c r="BC22" s="278"/>
      <c r="BD22" s="278"/>
      <c r="BE22" s="278"/>
      <c r="BF22" s="278"/>
      <c r="BG22" s="278"/>
      <c r="BH22" s="278"/>
      <c r="BI22" s="278"/>
      <c r="BJ22" s="345"/>
    </row>
    <row r="23" spans="4:76" ht="30" customHeight="1">
      <c r="D23" s="8"/>
      <c r="E23" s="176"/>
      <c r="F23" s="176"/>
      <c r="G23" s="19"/>
      <c r="H23" s="352" t="s">
        <v>26</v>
      </c>
      <c r="I23" s="288"/>
      <c r="J23" s="288"/>
      <c r="K23" s="288"/>
      <c r="L23" s="288"/>
      <c r="M23" s="288"/>
      <c r="N23" s="288"/>
      <c r="O23" s="288"/>
      <c r="P23" s="288"/>
      <c r="Q23" s="288"/>
      <c r="R23" s="288"/>
      <c r="S23" s="295"/>
      <c r="T23" s="12"/>
      <c r="U23" s="288"/>
      <c r="V23" s="288"/>
      <c r="W23" s="183" t="s">
        <v>27</v>
      </c>
      <c r="X23" s="288"/>
      <c r="Y23" s="288"/>
      <c r="Z23" s="288" t="s">
        <v>28</v>
      </c>
      <c r="AA23" s="288"/>
      <c r="AB23" s="288"/>
      <c r="AC23" s="288"/>
      <c r="AD23" s="183" t="s">
        <v>27</v>
      </c>
      <c r="AE23" s="288"/>
      <c r="AF23" s="288"/>
      <c r="AG23" s="20"/>
      <c r="AH23" s="21"/>
      <c r="AI23" s="288"/>
      <c r="AJ23" s="288"/>
      <c r="AK23" s="183" t="s">
        <v>27</v>
      </c>
      <c r="AL23" s="288"/>
      <c r="AM23" s="288"/>
      <c r="AN23" s="288" t="s">
        <v>28</v>
      </c>
      <c r="AO23" s="288"/>
      <c r="AP23" s="288"/>
      <c r="AQ23" s="288"/>
      <c r="AR23" s="183" t="s">
        <v>27</v>
      </c>
      <c r="AS23" s="288"/>
      <c r="AT23" s="288"/>
      <c r="AU23" s="21"/>
      <c r="AV23" s="20"/>
      <c r="AW23" s="352"/>
      <c r="AX23" s="288"/>
      <c r="AY23" s="288"/>
      <c r="AZ23" s="288"/>
      <c r="BA23" s="288"/>
      <c r="BB23" s="288"/>
      <c r="BC23" s="288"/>
      <c r="BD23" s="288"/>
      <c r="BE23" s="288"/>
      <c r="BF23" s="288"/>
      <c r="BG23" s="288"/>
      <c r="BH23" s="288"/>
      <c r="BI23" s="288"/>
      <c r="BJ23" s="295"/>
    </row>
    <row r="24" spans="4:76" ht="30" customHeight="1">
      <c r="D24" s="6" t="s">
        <v>7</v>
      </c>
      <c r="E24" s="346" t="s">
        <v>312</v>
      </c>
      <c r="F24" s="346"/>
      <c r="G24" s="347" t="s">
        <v>30</v>
      </c>
      <c r="H24" s="347"/>
      <c r="I24" s="347"/>
      <c r="J24" s="347"/>
      <c r="K24" s="347"/>
      <c r="L24" s="347"/>
      <c r="M24" s="347"/>
      <c r="N24" s="347"/>
      <c r="O24" s="347"/>
      <c r="P24" s="347"/>
      <c r="Q24" s="347"/>
      <c r="R24" s="347"/>
      <c r="T24" s="234"/>
      <c r="U24" s="188" t="s">
        <v>0</v>
      </c>
      <c r="V24" s="250" t="s">
        <v>298</v>
      </c>
      <c r="AF24" s="250" t="s">
        <v>50</v>
      </c>
      <c r="AM24" s="249"/>
      <c r="AN24" s="249"/>
      <c r="AO24" s="250" t="s">
        <v>36</v>
      </c>
      <c r="AP24" s="249"/>
      <c r="AQ24" s="249"/>
      <c r="AS24" s="250" t="s">
        <v>28</v>
      </c>
      <c r="AU24" s="249"/>
      <c r="AV24" s="249"/>
      <c r="AW24" s="250" t="s">
        <v>51</v>
      </c>
      <c r="AZ24" s="22" t="s">
        <v>37</v>
      </c>
      <c r="BA24" s="44"/>
      <c r="BB24" s="23"/>
      <c r="BC24" s="348" t="s">
        <v>80</v>
      </c>
      <c r="BD24" s="348"/>
      <c r="BE24" s="348"/>
      <c r="BF24" s="348"/>
      <c r="BG24" s="348"/>
      <c r="BH24" s="348"/>
      <c r="BI24" s="348"/>
      <c r="BJ24" s="349"/>
    </row>
    <row r="25" spans="4:76" ht="30" customHeight="1">
      <c r="D25" s="6" t="s">
        <v>7</v>
      </c>
      <c r="E25" s="308"/>
      <c r="F25" s="308"/>
      <c r="G25" s="347"/>
      <c r="H25" s="347"/>
      <c r="I25" s="347"/>
      <c r="J25" s="347"/>
      <c r="K25" s="347"/>
      <c r="L25" s="347"/>
      <c r="M25" s="347"/>
      <c r="N25" s="347"/>
      <c r="O25" s="347"/>
      <c r="P25" s="347"/>
      <c r="Q25" s="347"/>
      <c r="R25" s="347"/>
      <c r="T25" s="6"/>
      <c r="U25" s="188" t="s">
        <v>0</v>
      </c>
      <c r="V25" s="250" t="s">
        <v>43</v>
      </c>
      <c r="AF25" s="239" t="s">
        <v>34</v>
      </c>
      <c r="AI25" s="250" t="s">
        <v>35</v>
      </c>
      <c r="AO25" s="250" t="s">
        <v>36</v>
      </c>
      <c r="AS25" s="250" t="s">
        <v>28</v>
      </c>
      <c r="AW25" s="250" t="s">
        <v>51</v>
      </c>
      <c r="AZ25" s="49"/>
      <c r="BA25" s="1"/>
      <c r="BB25" s="24"/>
      <c r="BC25" s="350"/>
      <c r="BD25" s="350"/>
      <c r="BE25" s="350"/>
      <c r="BF25" s="350"/>
      <c r="BG25" s="350"/>
      <c r="BH25" s="350"/>
      <c r="BI25" s="350"/>
      <c r="BJ25" s="351"/>
      <c r="BK25" s="260"/>
      <c r="BL25" s="260"/>
      <c r="BU25" s="260"/>
      <c r="BV25" s="260"/>
      <c r="BW25" s="260"/>
    </row>
    <row r="26" spans="4:76" ht="30" customHeight="1">
      <c r="D26" s="6" t="s">
        <v>7</v>
      </c>
      <c r="E26" s="308"/>
      <c r="F26" s="308"/>
      <c r="G26" s="309"/>
      <c r="H26" s="309"/>
      <c r="I26" s="309"/>
      <c r="J26" s="309"/>
      <c r="K26" s="309"/>
      <c r="L26" s="309"/>
      <c r="M26" s="309"/>
      <c r="N26" s="309"/>
      <c r="O26" s="309"/>
      <c r="P26" s="309"/>
      <c r="Q26" s="309"/>
      <c r="R26" s="309"/>
      <c r="T26" s="227"/>
      <c r="U26" s="188" t="s">
        <v>0</v>
      </c>
      <c r="V26" s="239" t="s">
        <v>31</v>
      </c>
      <c r="W26" s="200"/>
      <c r="X26" s="200"/>
      <c r="Y26" s="200"/>
      <c r="Z26" s="200"/>
      <c r="AA26" s="200"/>
      <c r="AB26" s="200"/>
      <c r="AC26" s="200"/>
      <c r="AD26" s="200"/>
      <c r="AE26" s="200"/>
      <c r="AF26" s="239" t="s">
        <v>34</v>
      </c>
      <c r="AG26" s="200"/>
      <c r="AH26" s="200"/>
      <c r="AI26" s="250" t="s">
        <v>35</v>
      </c>
      <c r="AJ26" s="200"/>
      <c r="AK26" s="200"/>
      <c r="AL26" s="200"/>
      <c r="AO26" s="250" t="s">
        <v>36</v>
      </c>
      <c r="AR26" s="200"/>
      <c r="AS26" s="250" t="s">
        <v>28</v>
      </c>
      <c r="AT26" s="200"/>
      <c r="AW26" s="250" t="s">
        <v>51</v>
      </c>
      <c r="AX26" s="200"/>
      <c r="AY26" s="200"/>
      <c r="AZ26" s="50"/>
      <c r="BA26" s="51"/>
      <c r="BB26" s="24"/>
      <c r="BC26" s="350"/>
      <c r="BD26" s="350"/>
      <c r="BE26" s="350"/>
      <c r="BF26" s="350"/>
      <c r="BG26" s="350"/>
      <c r="BH26" s="350"/>
      <c r="BI26" s="350"/>
      <c r="BJ26" s="351"/>
      <c r="BK26" s="200"/>
      <c r="BL26" s="200"/>
      <c r="BM26" s="200"/>
      <c r="BN26" s="200"/>
      <c r="BO26" s="200"/>
      <c r="BP26" s="200"/>
      <c r="BQ26" s="200"/>
      <c r="BR26" s="200"/>
      <c r="BS26" s="200"/>
      <c r="BT26" s="200"/>
      <c r="BU26" s="200"/>
      <c r="BV26" s="200"/>
    </row>
    <row r="27" spans="4:76" ht="30" customHeight="1">
      <c r="D27" s="6"/>
      <c r="P27" s="26"/>
      <c r="Q27" s="26"/>
      <c r="R27" s="26"/>
      <c r="S27" s="26"/>
      <c r="T27" s="27"/>
      <c r="U27" s="188" t="s">
        <v>0</v>
      </c>
      <c r="V27" s="250" t="s">
        <v>32</v>
      </c>
      <c r="W27" s="26"/>
      <c r="X27" s="28"/>
      <c r="Y27" s="26"/>
      <c r="Z27" s="26"/>
      <c r="AA27" s="26"/>
      <c r="AB27" s="26"/>
      <c r="AC27" s="26"/>
      <c r="AD27" s="26"/>
      <c r="AE27" s="26"/>
      <c r="AF27" s="239" t="s">
        <v>34</v>
      </c>
      <c r="AG27" s="26"/>
      <c r="AH27" s="188"/>
      <c r="AI27" s="250" t="s">
        <v>35</v>
      </c>
      <c r="AJ27" s="188"/>
      <c r="AK27" s="188"/>
      <c r="AL27" s="188"/>
      <c r="AO27" s="250" t="s">
        <v>36</v>
      </c>
      <c r="AR27" s="189"/>
      <c r="AS27" s="250" t="s">
        <v>28</v>
      </c>
      <c r="AT27" s="189"/>
      <c r="AW27" s="250" t="s">
        <v>51</v>
      </c>
      <c r="AX27" s="189"/>
      <c r="AY27" s="189"/>
      <c r="AZ27" s="43" t="s">
        <v>38</v>
      </c>
      <c r="BA27" s="1"/>
      <c r="BB27" s="24"/>
      <c r="BC27" s="350" t="s">
        <v>39</v>
      </c>
      <c r="BD27" s="350"/>
      <c r="BE27" s="350"/>
      <c r="BF27" s="350"/>
      <c r="BG27" s="350"/>
      <c r="BH27" s="350"/>
      <c r="BI27" s="350"/>
      <c r="BJ27" s="351"/>
      <c r="BQ27" s="239"/>
      <c r="BR27" s="239"/>
      <c r="BS27" s="239"/>
      <c r="BT27" s="239"/>
      <c r="BU27" s="239"/>
      <c r="BV27" s="239"/>
      <c r="BW27" s="239"/>
      <c r="BX27" s="239"/>
    </row>
    <row r="28" spans="4:76" ht="30" customHeight="1">
      <c r="D28" s="6"/>
      <c r="T28" s="6"/>
      <c r="U28" s="188" t="s">
        <v>0</v>
      </c>
      <c r="V28" s="250" t="s">
        <v>33</v>
      </c>
      <c r="X28" s="28"/>
      <c r="AF28" s="239" t="s">
        <v>34</v>
      </c>
      <c r="AH28" s="189"/>
      <c r="AI28" s="250" t="s">
        <v>35</v>
      </c>
      <c r="AJ28" s="189"/>
      <c r="AK28" s="189"/>
      <c r="AL28" s="189"/>
      <c r="AO28" s="250" t="s">
        <v>36</v>
      </c>
      <c r="AR28" s="189"/>
      <c r="AS28" s="250" t="s">
        <v>28</v>
      </c>
      <c r="AT28" s="189"/>
      <c r="AW28" s="250" t="s">
        <v>51</v>
      </c>
      <c r="AX28" s="189"/>
      <c r="AY28" s="189"/>
      <c r="AZ28" s="49"/>
      <c r="BA28" s="1"/>
      <c r="BB28" s="24"/>
      <c r="BC28" s="350"/>
      <c r="BD28" s="350"/>
      <c r="BE28" s="350"/>
      <c r="BF28" s="350"/>
      <c r="BG28" s="350"/>
      <c r="BH28" s="350"/>
      <c r="BI28" s="350"/>
      <c r="BJ28" s="351"/>
      <c r="BQ28" s="239"/>
      <c r="BR28" s="239"/>
      <c r="BS28" s="239"/>
      <c r="BT28" s="239"/>
      <c r="BU28" s="239"/>
      <c r="BV28" s="239"/>
      <c r="BW28" s="239"/>
      <c r="BX28" s="239"/>
    </row>
    <row r="29" spans="4:76" ht="30" customHeight="1">
      <c r="D29" s="29"/>
      <c r="E29" s="30"/>
      <c r="F29" s="30"/>
      <c r="G29" s="30"/>
      <c r="H29" s="30"/>
      <c r="I29" s="30"/>
      <c r="J29" s="30"/>
      <c r="K29" s="30"/>
      <c r="L29" s="30"/>
      <c r="M29" s="30"/>
      <c r="N29" s="30"/>
      <c r="O29" s="30"/>
      <c r="P29" s="251"/>
      <c r="Q29" s="251"/>
      <c r="R29" s="251"/>
      <c r="S29" s="251"/>
      <c r="T29" s="8"/>
      <c r="U29" s="176" t="s">
        <v>0</v>
      </c>
      <c r="V29" s="176" t="s">
        <v>34</v>
      </c>
      <c r="W29" s="251"/>
      <c r="X29" s="355"/>
      <c r="Y29" s="355"/>
      <c r="Z29" s="355"/>
      <c r="AA29" s="355"/>
      <c r="AB29" s="355"/>
      <c r="AC29" s="355"/>
      <c r="AD29" s="176" t="s">
        <v>23</v>
      </c>
      <c r="AE29" s="251"/>
      <c r="AF29" s="196" t="s">
        <v>34</v>
      </c>
      <c r="AG29" s="251"/>
      <c r="AH29" s="177"/>
      <c r="AI29" s="251" t="s">
        <v>35</v>
      </c>
      <c r="AJ29" s="177"/>
      <c r="AK29" s="177"/>
      <c r="AL29" s="177"/>
      <c r="AM29" s="251"/>
      <c r="AN29" s="251"/>
      <c r="AO29" s="251" t="s">
        <v>36</v>
      </c>
      <c r="AP29" s="251"/>
      <c r="AQ29" s="251"/>
      <c r="AR29" s="177"/>
      <c r="AS29" s="251" t="s">
        <v>28</v>
      </c>
      <c r="AT29" s="177"/>
      <c r="AU29" s="251"/>
      <c r="AV29" s="251"/>
      <c r="AW29" s="251" t="s">
        <v>51</v>
      </c>
      <c r="AX29" s="177"/>
      <c r="AY29" s="251"/>
      <c r="AZ29" s="52"/>
      <c r="BA29" s="53"/>
      <c r="BB29" s="25"/>
      <c r="BC29" s="353"/>
      <c r="BD29" s="353"/>
      <c r="BE29" s="353"/>
      <c r="BF29" s="353"/>
      <c r="BG29" s="353"/>
      <c r="BH29" s="353"/>
      <c r="BI29" s="353"/>
      <c r="BJ29" s="354"/>
      <c r="BL29" s="260"/>
      <c r="BM29" s="260"/>
      <c r="BN29" s="260"/>
      <c r="BO29" s="260"/>
      <c r="BP29" s="260"/>
      <c r="BQ29" s="260"/>
    </row>
    <row r="30" spans="4:76" ht="21.75" customHeight="1">
      <c r="D30" s="2" t="s">
        <v>7</v>
      </c>
      <c r="E30" s="277" t="s">
        <v>313</v>
      </c>
      <c r="F30" s="277"/>
      <c r="G30" s="274" t="s">
        <v>261</v>
      </c>
      <c r="H30" s="274"/>
      <c r="I30" s="274"/>
      <c r="J30" s="274"/>
      <c r="K30" s="274"/>
      <c r="L30" s="274"/>
      <c r="M30" s="274"/>
      <c r="N30" s="274"/>
      <c r="O30" s="274"/>
      <c r="P30" s="274"/>
      <c r="Q30" s="274"/>
      <c r="R30" s="274"/>
      <c r="S30" s="3"/>
      <c r="T30" s="249"/>
      <c r="U30" s="192" t="s">
        <v>273</v>
      </c>
      <c r="V30" s="178"/>
      <c r="W30" s="249"/>
      <c r="X30" s="148"/>
      <c r="Y30" s="148"/>
      <c r="Z30" s="148"/>
      <c r="AA30" s="148"/>
      <c r="AB30" s="148"/>
      <c r="AC30" s="148"/>
      <c r="AD30" s="178"/>
      <c r="AE30" s="249"/>
      <c r="AF30" s="192"/>
      <c r="AG30" s="249"/>
      <c r="AH30" s="175"/>
      <c r="AI30" s="249"/>
      <c r="AJ30" s="175"/>
      <c r="AK30" s="175"/>
      <c r="AL30" s="175"/>
      <c r="AM30" s="178"/>
      <c r="AN30" s="178"/>
      <c r="AO30" s="178"/>
      <c r="AP30" s="249"/>
      <c r="AQ30" s="175"/>
      <c r="AR30" s="249"/>
      <c r="AS30" s="175"/>
      <c r="AT30" s="178"/>
      <c r="AU30" s="178"/>
      <c r="AV30" s="178"/>
      <c r="AW30" s="249"/>
      <c r="AX30" s="175"/>
      <c r="AY30" s="249"/>
      <c r="AZ30" s="149"/>
      <c r="BA30" s="149"/>
      <c r="BB30" s="23"/>
      <c r="BC30" s="201"/>
      <c r="BD30" s="201"/>
      <c r="BE30" s="201"/>
      <c r="BF30" s="201"/>
      <c r="BG30" s="201"/>
      <c r="BH30" s="201"/>
      <c r="BI30" s="201"/>
      <c r="BJ30" s="202"/>
      <c r="BL30" s="260"/>
      <c r="BM30" s="260"/>
      <c r="BN30" s="260"/>
      <c r="BO30" s="260"/>
      <c r="BP30" s="260"/>
      <c r="BQ30" s="260"/>
    </row>
    <row r="31" spans="4:76" ht="21.75" customHeight="1">
      <c r="D31" s="8"/>
      <c r="E31" s="176"/>
      <c r="F31" s="176"/>
      <c r="G31" s="177"/>
      <c r="H31" s="177"/>
      <c r="I31" s="177"/>
      <c r="J31" s="177"/>
      <c r="K31" s="177"/>
      <c r="L31" s="177"/>
      <c r="M31" s="177"/>
      <c r="N31" s="177"/>
      <c r="O31" s="177"/>
      <c r="P31" s="177"/>
      <c r="Q31" s="177"/>
      <c r="R31" s="177"/>
      <c r="S31" s="9"/>
      <c r="T31" s="251"/>
      <c r="U31" s="196" t="s">
        <v>262</v>
      </c>
      <c r="V31" s="176"/>
      <c r="W31" s="251"/>
      <c r="X31" s="206"/>
      <c r="Y31" s="206"/>
      <c r="Z31" s="206"/>
      <c r="AA31" s="206"/>
      <c r="AB31" s="206"/>
      <c r="AC31" s="206"/>
      <c r="AD31" s="176"/>
      <c r="AE31" s="251"/>
      <c r="AF31" s="196"/>
      <c r="AG31" s="251"/>
      <c r="AH31" s="177"/>
      <c r="AI31" s="251"/>
      <c r="AJ31" s="177"/>
      <c r="AK31" s="177"/>
      <c r="AL31" s="177"/>
      <c r="AM31" s="176"/>
      <c r="AN31" s="176"/>
      <c r="AO31" s="176"/>
      <c r="AP31" s="251"/>
      <c r="AQ31" s="177"/>
      <c r="AR31" s="251"/>
      <c r="AS31" s="177"/>
      <c r="AT31" s="176"/>
      <c r="AU31" s="176"/>
      <c r="AV31" s="176"/>
      <c r="AW31" s="251"/>
      <c r="AX31" s="177"/>
      <c r="AY31" s="251"/>
      <c r="AZ31" s="53"/>
      <c r="BA31" s="53"/>
      <c r="BB31" s="25"/>
      <c r="BC31" s="204"/>
      <c r="BD31" s="204"/>
      <c r="BE31" s="204"/>
      <c r="BF31" s="204"/>
      <c r="BG31" s="204"/>
      <c r="BH31" s="204"/>
      <c r="BI31" s="204"/>
      <c r="BJ31" s="205"/>
      <c r="BL31" s="260"/>
      <c r="BM31" s="260"/>
      <c r="BN31" s="260"/>
      <c r="BO31" s="260"/>
      <c r="BP31" s="260"/>
      <c r="BQ31" s="260"/>
    </row>
    <row r="32" spans="4:76" ht="12.75" customHeight="1">
      <c r="D32" s="260"/>
      <c r="E32" s="260"/>
      <c r="F32" s="260"/>
      <c r="G32" s="260"/>
      <c r="H32" s="260"/>
      <c r="I32" s="260"/>
      <c r="J32" s="260"/>
      <c r="K32" s="260"/>
      <c r="L32" s="260"/>
      <c r="M32" s="260"/>
      <c r="N32" s="260"/>
      <c r="O32" s="260"/>
      <c r="U32" s="188"/>
      <c r="V32" s="188"/>
      <c r="X32" s="59"/>
      <c r="Y32" s="59"/>
      <c r="Z32" s="59"/>
      <c r="AA32" s="59"/>
      <c r="AB32" s="59"/>
      <c r="AC32" s="59"/>
      <c r="AD32" s="188"/>
      <c r="AF32" s="239"/>
      <c r="AH32" s="189"/>
      <c r="AJ32" s="189"/>
      <c r="AK32" s="189"/>
      <c r="AL32" s="189"/>
      <c r="AM32" s="188"/>
      <c r="AN32" s="188"/>
      <c r="AO32" s="188"/>
      <c r="AQ32" s="189"/>
      <c r="AS32" s="189"/>
      <c r="AT32" s="188"/>
      <c r="AU32" s="188"/>
      <c r="AV32" s="188"/>
      <c r="AX32" s="189"/>
      <c r="AZ32" s="51"/>
      <c r="BA32" s="51"/>
      <c r="BB32" s="24"/>
      <c r="BC32" s="203"/>
      <c r="BD32" s="203"/>
      <c r="BE32" s="203"/>
      <c r="BF32" s="203"/>
      <c r="BG32" s="203"/>
      <c r="BH32" s="203"/>
      <c r="BI32" s="203"/>
      <c r="BJ32" s="203"/>
      <c r="BL32" s="260"/>
      <c r="BM32" s="260"/>
      <c r="BN32" s="260"/>
      <c r="BO32" s="260"/>
      <c r="BP32" s="260"/>
      <c r="BQ32" s="260"/>
    </row>
    <row r="33" spans="4:78" ht="12.75" customHeight="1">
      <c r="D33" s="260"/>
      <c r="E33" s="260"/>
      <c r="F33" s="260"/>
      <c r="G33" s="260"/>
      <c r="H33" s="260"/>
      <c r="I33" s="260"/>
      <c r="J33" s="260"/>
      <c r="K33" s="260"/>
      <c r="L33" s="260"/>
      <c r="M33" s="260"/>
      <c r="N33" s="260"/>
      <c r="O33" s="260"/>
      <c r="U33" s="188"/>
      <c r="V33" s="188"/>
      <c r="X33" s="59"/>
      <c r="Y33" s="59"/>
      <c r="Z33" s="59"/>
      <c r="AA33" s="59"/>
      <c r="AB33" s="59"/>
      <c r="AC33" s="59"/>
      <c r="AD33" s="188"/>
      <c r="AF33" s="239"/>
      <c r="AH33" s="189"/>
      <c r="AJ33" s="189"/>
      <c r="AK33" s="189"/>
      <c r="AL33" s="189"/>
      <c r="AM33" s="188"/>
      <c r="AN33" s="188"/>
      <c r="AO33" s="188"/>
      <c r="AQ33" s="189"/>
      <c r="AS33" s="189"/>
      <c r="AT33" s="188"/>
      <c r="AU33" s="188"/>
      <c r="AV33" s="188"/>
      <c r="AX33" s="189"/>
      <c r="AZ33" s="51"/>
      <c r="BA33" s="51"/>
      <c r="BB33" s="24"/>
      <c r="BC33" s="203"/>
      <c r="BD33" s="203"/>
      <c r="BE33" s="203"/>
      <c r="BF33" s="203"/>
      <c r="BG33" s="203"/>
      <c r="BH33" s="203"/>
      <c r="BI33" s="203"/>
      <c r="BJ33" s="203"/>
      <c r="BL33" s="260"/>
      <c r="BM33" s="260"/>
      <c r="BN33" s="260"/>
      <c r="BO33" s="260"/>
      <c r="BP33" s="260"/>
      <c r="BQ33" s="260"/>
    </row>
    <row r="34" spans="4:78" ht="20.100000000000001" customHeight="1">
      <c r="D34" s="356" t="s">
        <v>471</v>
      </c>
      <c r="E34" s="357"/>
      <c r="F34" s="357"/>
      <c r="G34" s="358"/>
      <c r="H34" s="365"/>
      <c r="I34" s="366"/>
      <c r="J34" s="366"/>
      <c r="K34" s="366"/>
      <c r="L34" s="366"/>
      <c r="M34" s="367"/>
      <c r="N34" s="371" t="s">
        <v>41</v>
      </c>
      <c r="O34" s="277"/>
      <c r="P34" s="277"/>
      <c r="Q34" s="277"/>
      <c r="R34" s="277"/>
      <c r="S34" s="277"/>
      <c r="T34" s="277"/>
      <c r="U34" s="277"/>
      <c r="V34" s="372"/>
      <c r="W34" s="371" t="s">
        <v>43</v>
      </c>
      <c r="X34" s="277"/>
      <c r="Y34" s="277"/>
      <c r="Z34" s="277"/>
      <c r="AA34" s="277"/>
      <c r="AB34" s="277"/>
      <c r="AC34" s="277"/>
      <c r="AD34" s="277"/>
      <c r="AE34" s="372"/>
      <c r="AF34" s="371" t="s">
        <v>31</v>
      </c>
      <c r="AG34" s="277"/>
      <c r="AH34" s="277"/>
      <c r="AI34" s="277"/>
      <c r="AJ34" s="277"/>
      <c r="AK34" s="277"/>
      <c r="AL34" s="277"/>
      <c r="AM34" s="372"/>
      <c r="AN34" s="212" t="s">
        <v>34</v>
      </c>
      <c r="AO34" s="249"/>
      <c r="AP34" s="373"/>
      <c r="AQ34" s="373"/>
      <c r="AR34" s="373"/>
      <c r="AS34" s="373"/>
      <c r="AT34" s="373"/>
      <c r="AU34" s="373"/>
      <c r="AV34" s="249" t="s">
        <v>23</v>
      </c>
      <c r="AW34" s="213"/>
      <c r="AX34" s="371" t="s">
        <v>49</v>
      </c>
      <c r="AY34" s="277"/>
      <c r="AZ34" s="277"/>
      <c r="BA34" s="277"/>
      <c r="BB34" s="277"/>
      <c r="BC34" s="277"/>
      <c r="BD34" s="277"/>
      <c r="BE34" s="277"/>
      <c r="BF34" s="277"/>
      <c r="BG34" s="277"/>
      <c r="BH34" s="277"/>
      <c r="BI34" s="277"/>
      <c r="BJ34" s="372"/>
      <c r="BK34" s="189"/>
      <c r="BU34" s="239"/>
      <c r="BV34" s="239"/>
      <c r="BW34" s="239"/>
      <c r="BX34" s="239"/>
      <c r="BY34" s="239"/>
      <c r="BZ34" s="239"/>
    </row>
    <row r="35" spans="4:78" ht="20.100000000000001" customHeight="1">
      <c r="D35" s="359"/>
      <c r="E35" s="360"/>
      <c r="F35" s="360"/>
      <c r="G35" s="361"/>
      <c r="H35" s="368"/>
      <c r="I35" s="369"/>
      <c r="J35" s="369"/>
      <c r="K35" s="369"/>
      <c r="L35" s="369"/>
      <c r="M35" s="370"/>
      <c r="N35" s="375" t="s">
        <v>42</v>
      </c>
      <c r="O35" s="376"/>
      <c r="P35" s="376"/>
      <c r="Q35" s="376"/>
      <c r="R35" s="376"/>
      <c r="S35" s="376"/>
      <c r="T35" s="376"/>
      <c r="U35" s="376"/>
      <c r="V35" s="377"/>
      <c r="W35" s="375" t="s">
        <v>44</v>
      </c>
      <c r="X35" s="376"/>
      <c r="Y35" s="376"/>
      <c r="Z35" s="376"/>
      <c r="AA35" s="376"/>
      <c r="AB35" s="376"/>
      <c r="AC35" s="376"/>
      <c r="AD35" s="376"/>
      <c r="AE35" s="377"/>
      <c r="AF35" s="375" t="s">
        <v>44</v>
      </c>
      <c r="AG35" s="376"/>
      <c r="AH35" s="376"/>
      <c r="AI35" s="376"/>
      <c r="AJ35" s="376"/>
      <c r="AK35" s="376"/>
      <c r="AL35" s="376"/>
      <c r="AM35" s="377"/>
      <c r="AN35" s="375" t="s">
        <v>45</v>
      </c>
      <c r="AO35" s="376"/>
      <c r="AP35" s="376"/>
      <c r="AQ35" s="376"/>
      <c r="AR35" s="376"/>
      <c r="AS35" s="376"/>
      <c r="AT35" s="376"/>
      <c r="AU35" s="376"/>
      <c r="AV35" s="376"/>
      <c r="AW35" s="377"/>
      <c r="AX35" s="329"/>
      <c r="AY35" s="275"/>
      <c r="AZ35" s="275"/>
      <c r="BA35" s="275"/>
      <c r="BB35" s="275"/>
      <c r="BC35" s="275"/>
      <c r="BD35" s="275"/>
      <c r="BE35" s="275"/>
      <c r="BF35" s="275"/>
      <c r="BG35" s="275"/>
      <c r="BH35" s="275"/>
      <c r="BI35" s="275"/>
      <c r="BJ35" s="374"/>
      <c r="BK35" s="189"/>
      <c r="BU35" s="239"/>
      <c r="BV35" s="239"/>
      <c r="BW35" s="239"/>
      <c r="BX35" s="239"/>
      <c r="BY35" s="239"/>
      <c r="BZ35" s="239"/>
    </row>
    <row r="36" spans="4:78" ht="20.100000000000001" customHeight="1">
      <c r="D36" s="359"/>
      <c r="E36" s="360"/>
      <c r="F36" s="360"/>
      <c r="G36" s="361"/>
      <c r="H36" s="371" t="s">
        <v>52</v>
      </c>
      <c r="I36" s="277"/>
      <c r="J36" s="277"/>
      <c r="K36" s="277"/>
      <c r="L36" s="277"/>
      <c r="M36" s="372"/>
      <c r="N36" s="371"/>
      <c r="O36" s="277"/>
      <c r="P36" s="277"/>
      <c r="Q36" s="277"/>
      <c r="R36" s="277"/>
      <c r="S36" s="277"/>
      <c r="T36" s="277"/>
      <c r="U36" s="277" t="s">
        <v>40</v>
      </c>
      <c r="V36" s="372"/>
      <c r="W36" s="371"/>
      <c r="X36" s="277"/>
      <c r="Y36" s="277"/>
      <c r="Z36" s="277"/>
      <c r="AA36" s="277"/>
      <c r="AB36" s="277"/>
      <c r="AC36" s="277"/>
      <c r="AD36" s="277" t="s">
        <v>40</v>
      </c>
      <c r="AE36" s="372"/>
      <c r="AF36" s="281"/>
      <c r="AG36" s="279"/>
      <c r="AH36" s="279"/>
      <c r="AI36" s="279"/>
      <c r="AJ36" s="279"/>
      <c r="AK36" s="279"/>
      <c r="AL36" s="279" t="s">
        <v>40</v>
      </c>
      <c r="AM36" s="287"/>
      <c r="AN36" s="371"/>
      <c r="AO36" s="277"/>
      <c r="AP36" s="277"/>
      <c r="AQ36" s="277"/>
      <c r="AR36" s="277"/>
      <c r="AS36" s="277"/>
      <c r="AT36" s="277"/>
      <c r="AU36" s="277"/>
      <c r="AV36" s="279" t="s">
        <v>40</v>
      </c>
      <c r="AW36" s="287"/>
      <c r="AX36" s="2" t="s">
        <v>46</v>
      </c>
      <c r="AY36" s="249"/>
      <c r="AZ36" s="249"/>
      <c r="BA36" s="249"/>
      <c r="BB36" s="249"/>
      <c r="BC36" s="249"/>
      <c r="BD36" s="249"/>
      <c r="BE36" s="249"/>
      <c r="BF36" s="249"/>
      <c r="BG36" s="249"/>
      <c r="BH36" s="249"/>
      <c r="BI36" s="249"/>
      <c r="BJ36" s="3"/>
      <c r="BK36" s="189"/>
      <c r="BU36" s="239"/>
      <c r="BV36" s="239"/>
      <c r="BW36" s="239"/>
      <c r="BX36" s="239"/>
      <c r="BY36" s="239"/>
      <c r="BZ36" s="239"/>
    </row>
    <row r="37" spans="4:78" ht="17.25" customHeight="1">
      <c r="D37" s="359"/>
      <c r="E37" s="360"/>
      <c r="F37" s="360"/>
      <c r="G37" s="361"/>
      <c r="H37" s="378"/>
      <c r="I37" s="379"/>
      <c r="J37" s="379"/>
      <c r="K37" s="379"/>
      <c r="L37" s="379"/>
      <c r="M37" s="380"/>
      <c r="N37" s="378"/>
      <c r="O37" s="379"/>
      <c r="P37" s="379"/>
      <c r="Q37" s="379"/>
      <c r="R37" s="379"/>
      <c r="S37" s="379"/>
      <c r="T37" s="379"/>
      <c r="U37" s="379"/>
      <c r="V37" s="380"/>
      <c r="W37" s="378"/>
      <c r="X37" s="379"/>
      <c r="Y37" s="379"/>
      <c r="Z37" s="379"/>
      <c r="AA37" s="379"/>
      <c r="AB37" s="379"/>
      <c r="AC37" s="379"/>
      <c r="AD37" s="379"/>
      <c r="AE37" s="380"/>
      <c r="AF37" s="381"/>
      <c r="AG37" s="278"/>
      <c r="AH37" s="278"/>
      <c r="AI37" s="278"/>
      <c r="AJ37" s="278"/>
      <c r="AK37" s="278"/>
      <c r="AL37" s="278"/>
      <c r="AM37" s="345"/>
      <c r="AN37" s="378"/>
      <c r="AO37" s="379"/>
      <c r="AP37" s="379"/>
      <c r="AQ37" s="379"/>
      <c r="AR37" s="379"/>
      <c r="AS37" s="379"/>
      <c r="AT37" s="379"/>
      <c r="AU37" s="379"/>
      <c r="AV37" s="278"/>
      <c r="AW37" s="345"/>
      <c r="AX37" s="6"/>
      <c r="BB37" s="308"/>
      <c r="BC37" s="308"/>
      <c r="BD37" s="308"/>
      <c r="BE37" s="308"/>
      <c r="BF37" s="308"/>
      <c r="BG37" s="308"/>
      <c r="BH37" s="308"/>
      <c r="BI37" s="250" t="s">
        <v>40</v>
      </c>
      <c r="BJ37" s="7"/>
      <c r="BK37" s="189"/>
      <c r="BU37" s="239"/>
      <c r="BV37" s="239"/>
      <c r="BW37" s="239"/>
      <c r="BX37" s="239"/>
      <c r="BY37" s="239"/>
      <c r="BZ37" s="239"/>
    </row>
    <row r="38" spans="4:78" ht="20.100000000000001" customHeight="1">
      <c r="D38" s="359"/>
      <c r="E38" s="360"/>
      <c r="F38" s="360"/>
      <c r="G38" s="361"/>
      <c r="H38" s="322" t="s">
        <v>53</v>
      </c>
      <c r="I38" s="319"/>
      <c r="J38" s="319"/>
      <c r="K38" s="319"/>
      <c r="L38" s="319"/>
      <c r="M38" s="321"/>
      <c r="N38" s="322"/>
      <c r="O38" s="319"/>
      <c r="P38" s="319"/>
      <c r="Q38" s="319"/>
      <c r="R38" s="319"/>
      <c r="S38" s="319"/>
      <c r="T38" s="319"/>
      <c r="U38" s="319" t="s">
        <v>40</v>
      </c>
      <c r="V38" s="321"/>
      <c r="W38" s="322"/>
      <c r="X38" s="319"/>
      <c r="Y38" s="319"/>
      <c r="Z38" s="319"/>
      <c r="AA38" s="319"/>
      <c r="AB38" s="319"/>
      <c r="AC38" s="319"/>
      <c r="AD38" s="319" t="s">
        <v>40</v>
      </c>
      <c r="AE38" s="321"/>
      <c r="AF38" s="381"/>
      <c r="AG38" s="278"/>
      <c r="AH38" s="278"/>
      <c r="AI38" s="278"/>
      <c r="AJ38" s="278"/>
      <c r="AK38" s="278"/>
      <c r="AL38" s="278" t="s">
        <v>40</v>
      </c>
      <c r="AM38" s="345"/>
      <c r="AN38" s="322"/>
      <c r="AO38" s="319"/>
      <c r="AP38" s="319"/>
      <c r="AQ38" s="319"/>
      <c r="AR38" s="319"/>
      <c r="AS38" s="319"/>
      <c r="AT38" s="319"/>
      <c r="AU38" s="319"/>
      <c r="AV38" s="278" t="s">
        <v>40</v>
      </c>
      <c r="AW38" s="345"/>
      <c r="AX38" s="6" t="s">
        <v>47</v>
      </c>
      <c r="BJ38" s="7"/>
      <c r="BK38" s="260"/>
      <c r="BL38" s="260"/>
      <c r="BM38" s="260"/>
      <c r="BN38" s="260"/>
      <c r="BO38" s="260"/>
      <c r="BP38" s="260"/>
      <c r="BQ38" s="260"/>
      <c r="BR38" s="260"/>
      <c r="BS38" s="260"/>
      <c r="BT38" s="260"/>
      <c r="BU38" s="260"/>
      <c r="BV38" s="260"/>
      <c r="BW38" s="260"/>
      <c r="BX38" s="260"/>
      <c r="BY38" s="260"/>
    </row>
    <row r="39" spans="4:78" ht="16.5" customHeight="1">
      <c r="D39" s="359"/>
      <c r="E39" s="360"/>
      <c r="F39" s="360"/>
      <c r="G39" s="361"/>
      <c r="H39" s="378"/>
      <c r="I39" s="379"/>
      <c r="J39" s="379"/>
      <c r="K39" s="379"/>
      <c r="L39" s="379"/>
      <c r="M39" s="380"/>
      <c r="N39" s="378"/>
      <c r="O39" s="379"/>
      <c r="P39" s="379"/>
      <c r="Q39" s="379"/>
      <c r="R39" s="379"/>
      <c r="S39" s="379"/>
      <c r="T39" s="379"/>
      <c r="U39" s="379"/>
      <c r="V39" s="380"/>
      <c r="W39" s="378"/>
      <c r="X39" s="379"/>
      <c r="Y39" s="379"/>
      <c r="Z39" s="379"/>
      <c r="AA39" s="379"/>
      <c r="AB39" s="379"/>
      <c r="AC39" s="379"/>
      <c r="AD39" s="379"/>
      <c r="AE39" s="380"/>
      <c r="AF39" s="381"/>
      <c r="AG39" s="278"/>
      <c r="AH39" s="278"/>
      <c r="AI39" s="278"/>
      <c r="AJ39" s="278"/>
      <c r="AK39" s="278"/>
      <c r="AL39" s="278"/>
      <c r="AM39" s="345"/>
      <c r="AN39" s="378"/>
      <c r="AO39" s="379"/>
      <c r="AP39" s="379"/>
      <c r="AQ39" s="379"/>
      <c r="AR39" s="379"/>
      <c r="AS39" s="379"/>
      <c r="AT39" s="379"/>
      <c r="AU39" s="379"/>
      <c r="AV39" s="278"/>
      <c r="AW39" s="345"/>
      <c r="AX39" s="6"/>
      <c r="BB39" s="308"/>
      <c r="BC39" s="308"/>
      <c r="BD39" s="308"/>
      <c r="BE39" s="308"/>
      <c r="BF39" s="308"/>
      <c r="BG39" s="308"/>
      <c r="BH39" s="308"/>
      <c r="BI39" s="250" t="s">
        <v>40</v>
      </c>
      <c r="BJ39" s="7"/>
      <c r="BK39" s="260"/>
      <c r="BL39" s="260"/>
      <c r="BM39" s="260"/>
      <c r="BN39" s="260"/>
      <c r="BO39" s="260"/>
      <c r="BP39" s="260"/>
      <c r="BQ39" s="260"/>
      <c r="BR39" s="260"/>
      <c r="BS39" s="260"/>
      <c r="BT39" s="260"/>
      <c r="BU39" s="260"/>
      <c r="BV39" s="260"/>
      <c r="BW39" s="260"/>
      <c r="BX39" s="260"/>
      <c r="BY39" s="260"/>
    </row>
    <row r="40" spans="4:78" ht="20.100000000000001" customHeight="1">
      <c r="D40" s="359"/>
      <c r="E40" s="360"/>
      <c r="F40" s="360"/>
      <c r="G40" s="361"/>
      <c r="H40" s="322" t="s">
        <v>54</v>
      </c>
      <c r="I40" s="319"/>
      <c r="J40" s="319"/>
      <c r="K40" s="319"/>
      <c r="L40" s="319"/>
      <c r="M40" s="321"/>
      <c r="N40" s="322"/>
      <c r="O40" s="319"/>
      <c r="P40" s="319"/>
      <c r="Q40" s="319"/>
      <c r="R40" s="319"/>
      <c r="S40" s="319"/>
      <c r="T40" s="319"/>
      <c r="U40" s="319" t="s">
        <v>40</v>
      </c>
      <c r="V40" s="321"/>
      <c r="W40" s="322"/>
      <c r="X40" s="319"/>
      <c r="Y40" s="319"/>
      <c r="Z40" s="319"/>
      <c r="AA40" s="319"/>
      <c r="AB40" s="319"/>
      <c r="AC40" s="319"/>
      <c r="AD40" s="319" t="s">
        <v>40</v>
      </c>
      <c r="AE40" s="321"/>
      <c r="AF40" s="381"/>
      <c r="AG40" s="278"/>
      <c r="AH40" s="278"/>
      <c r="AI40" s="278"/>
      <c r="AJ40" s="278"/>
      <c r="AK40" s="278"/>
      <c r="AL40" s="278" t="s">
        <v>40</v>
      </c>
      <c r="AM40" s="345"/>
      <c r="AN40" s="322"/>
      <c r="AO40" s="319"/>
      <c r="AP40" s="319"/>
      <c r="AQ40" s="319"/>
      <c r="AR40" s="319"/>
      <c r="AS40" s="319"/>
      <c r="AT40" s="319"/>
      <c r="AU40" s="319"/>
      <c r="AV40" s="278" t="s">
        <v>40</v>
      </c>
      <c r="AW40" s="345"/>
      <c r="AX40" s="6" t="s">
        <v>48</v>
      </c>
      <c r="BJ40" s="7"/>
      <c r="BK40" s="260"/>
      <c r="BL40" s="260"/>
      <c r="BM40" s="260"/>
      <c r="BN40" s="260"/>
      <c r="BO40" s="260"/>
      <c r="BP40" s="260"/>
      <c r="BQ40" s="260"/>
      <c r="BR40" s="260"/>
    </row>
    <row r="41" spans="4:78" ht="16.5" customHeight="1">
      <c r="D41" s="359"/>
      <c r="E41" s="360"/>
      <c r="F41" s="360"/>
      <c r="G41" s="361"/>
      <c r="H41" s="378"/>
      <c r="I41" s="379"/>
      <c r="J41" s="379"/>
      <c r="K41" s="379"/>
      <c r="L41" s="379"/>
      <c r="M41" s="380"/>
      <c r="N41" s="378"/>
      <c r="O41" s="379"/>
      <c r="P41" s="379"/>
      <c r="Q41" s="379"/>
      <c r="R41" s="379"/>
      <c r="S41" s="379"/>
      <c r="T41" s="379"/>
      <c r="U41" s="379"/>
      <c r="V41" s="380"/>
      <c r="W41" s="378"/>
      <c r="X41" s="379"/>
      <c r="Y41" s="379"/>
      <c r="Z41" s="379"/>
      <c r="AA41" s="379"/>
      <c r="AB41" s="379"/>
      <c r="AC41" s="379"/>
      <c r="AD41" s="379"/>
      <c r="AE41" s="380"/>
      <c r="AF41" s="381"/>
      <c r="AG41" s="278"/>
      <c r="AH41" s="278"/>
      <c r="AI41" s="278"/>
      <c r="AJ41" s="278"/>
      <c r="AK41" s="278"/>
      <c r="AL41" s="278"/>
      <c r="AM41" s="345"/>
      <c r="AN41" s="378"/>
      <c r="AO41" s="379"/>
      <c r="AP41" s="379"/>
      <c r="AQ41" s="379"/>
      <c r="AR41" s="379"/>
      <c r="AS41" s="379"/>
      <c r="AT41" s="379"/>
      <c r="AU41" s="379"/>
      <c r="AV41" s="278"/>
      <c r="AW41" s="345"/>
      <c r="AX41" s="6"/>
      <c r="BB41" s="308"/>
      <c r="BC41" s="308"/>
      <c r="BD41" s="308"/>
      <c r="BE41" s="308"/>
      <c r="BF41" s="308"/>
      <c r="BG41" s="308"/>
      <c r="BH41" s="308"/>
      <c r="BI41" s="250" t="s">
        <v>40</v>
      </c>
      <c r="BJ41" s="7"/>
      <c r="BK41" s="260"/>
      <c r="BL41" s="260"/>
      <c r="BM41" s="260"/>
      <c r="BN41" s="260"/>
      <c r="BO41" s="260"/>
      <c r="BP41" s="260"/>
      <c r="BQ41" s="260"/>
      <c r="BR41" s="260"/>
    </row>
    <row r="42" spans="4:78" ht="20.100000000000001" customHeight="1">
      <c r="D42" s="359"/>
      <c r="E42" s="360"/>
      <c r="F42" s="360"/>
      <c r="G42" s="361"/>
      <c r="H42" s="322" t="s">
        <v>55</v>
      </c>
      <c r="I42" s="319"/>
      <c r="J42" s="319"/>
      <c r="K42" s="319"/>
      <c r="L42" s="319"/>
      <c r="M42" s="321"/>
      <c r="N42" s="322"/>
      <c r="O42" s="319"/>
      <c r="P42" s="319"/>
      <c r="Q42" s="319"/>
      <c r="R42" s="319"/>
      <c r="S42" s="319"/>
      <c r="T42" s="319"/>
      <c r="U42" s="319" t="s">
        <v>40</v>
      </c>
      <c r="V42" s="321"/>
      <c r="W42" s="322"/>
      <c r="X42" s="319"/>
      <c r="Y42" s="319"/>
      <c r="Z42" s="319"/>
      <c r="AA42" s="319"/>
      <c r="AB42" s="319"/>
      <c r="AC42" s="319"/>
      <c r="AD42" s="319" t="s">
        <v>40</v>
      </c>
      <c r="AE42" s="321"/>
      <c r="AF42" s="381"/>
      <c r="AG42" s="278"/>
      <c r="AH42" s="278"/>
      <c r="AI42" s="278"/>
      <c r="AJ42" s="278"/>
      <c r="AK42" s="278"/>
      <c r="AL42" s="278" t="s">
        <v>40</v>
      </c>
      <c r="AM42" s="345"/>
      <c r="AN42" s="322"/>
      <c r="AO42" s="319"/>
      <c r="AP42" s="319"/>
      <c r="AQ42" s="319"/>
      <c r="AR42" s="319"/>
      <c r="AS42" s="319"/>
      <c r="AT42" s="319"/>
      <c r="AU42" s="319"/>
      <c r="AV42" s="278" t="s">
        <v>40</v>
      </c>
      <c r="AW42" s="345"/>
      <c r="AX42" s="250" t="s">
        <v>431</v>
      </c>
      <c r="BJ42" s="7"/>
      <c r="BK42" s="260"/>
      <c r="BL42" s="260"/>
      <c r="BM42" s="260"/>
      <c r="BN42" s="260"/>
      <c r="BO42" s="260"/>
      <c r="BP42" s="260"/>
      <c r="BQ42" s="260"/>
      <c r="BR42" s="260"/>
    </row>
    <row r="43" spans="4:78" ht="16.5" customHeight="1">
      <c r="D43" s="359"/>
      <c r="E43" s="360"/>
      <c r="F43" s="360"/>
      <c r="G43" s="361"/>
      <c r="H43" s="378"/>
      <c r="I43" s="379"/>
      <c r="J43" s="379"/>
      <c r="K43" s="379"/>
      <c r="L43" s="379"/>
      <c r="M43" s="380"/>
      <c r="N43" s="378"/>
      <c r="O43" s="379"/>
      <c r="P43" s="379"/>
      <c r="Q43" s="379"/>
      <c r="R43" s="379"/>
      <c r="S43" s="379"/>
      <c r="T43" s="379"/>
      <c r="U43" s="379"/>
      <c r="V43" s="380"/>
      <c r="W43" s="378"/>
      <c r="X43" s="379"/>
      <c r="Y43" s="379"/>
      <c r="Z43" s="379"/>
      <c r="AA43" s="379"/>
      <c r="AB43" s="379"/>
      <c r="AC43" s="379"/>
      <c r="AD43" s="379"/>
      <c r="AE43" s="380"/>
      <c r="AF43" s="381"/>
      <c r="AG43" s="278"/>
      <c r="AH43" s="278"/>
      <c r="AI43" s="278"/>
      <c r="AJ43" s="278"/>
      <c r="AK43" s="278"/>
      <c r="AL43" s="278"/>
      <c r="AM43" s="345"/>
      <c r="AN43" s="378"/>
      <c r="AO43" s="379"/>
      <c r="AP43" s="379"/>
      <c r="AQ43" s="379"/>
      <c r="AR43" s="379"/>
      <c r="AS43" s="379"/>
      <c r="AT43" s="379"/>
      <c r="AU43" s="379"/>
      <c r="AV43" s="278"/>
      <c r="AW43" s="345"/>
      <c r="AX43" s="6"/>
      <c r="BB43" s="188"/>
      <c r="BC43" s="188"/>
      <c r="BD43" s="188"/>
      <c r="BE43" s="188"/>
      <c r="BF43" s="188"/>
      <c r="BG43" s="188"/>
      <c r="BH43" s="188"/>
      <c r="BI43" s="250" t="s">
        <v>40</v>
      </c>
      <c r="BJ43" s="7"/>
      <c r="BK43" s="260"/>
      <c r="BL43" s="260"/>
      <c r="BM43" s="260"/>
      <c r="BN43" s="260"/>
      <c r="BO43" s="260"/>
      <c r="BP43" s="260"/>
      <c r="BQ43" s="260"/>
      <c r="BR43" s="260"/>
    </row>
    <row r="44" spans="4:78" ht="20.100000000000001" customHeight="1">
      <c r="D44" s="359"/>
      <c r="E44" s="360"/>
      <c r="F44" s="360"/>
      <c r="G44" s="361"/>
      <c r="H44" s="322" t="s">
        <v>274</v>
      </c>
      <c r="I44" s="319"/>
      <c r="J44" s="319"/>
      <c r="K44" s="319"/>
      <c r="L44" s="319"/>
      <c r="M44" s="321"/>
      <c r="N44" s="322"/>
      <c r="O44" s="319"/>
      <c r="P44" s="319"/>
      <c r="Q44" s="319"/>
      <c r="R44" s="319"/>
      <c r="S44" s="319"/>
      <c r="T44" s="319"/>
      <c r="U44" s="319" t="s">
        <v>40</v>
      </c>
      <c r="V44" s="321"/>
      <c r="W44" s="322"/>
      <c r="X44" s="319"/>
      <c r="Y44" s="319"/>
      <c r="Z44" s="319"/>
      <c r="AA44" s="319"/>
      <c r="AB44" s="319"/>
      <c r="AC44" s="319"/>
      <c r="AD44" s="319" t="s">
        <v>40</v>
      </c>
      <c r="AE44" s="321"/>
      <c r="AF44" s="381"/>
      <c r="AG44" s="278"/>
      <c r="AH44" s="278"/>
      <c r="AI44" s="278"/>
      <c r="AJ44" s="278"/>
      <c r="AK44" s="278"/>
      <c r="AL44" s="278" t="s">
        <v>40</v>
      </c>
      <c r="AM44" s="345"/>
      <c r="AN44" s="322"/>
      <c r="AO44" s="319"/>
      <c r="AP44" s="319"/>
      <c r="AQ44" s="319"/>
      <c r="AR44" s="319"/>
      <c r="AS44" s="319"/>
      <c r="AT44" s="319"/>
      <c r="AU44" s="319"/>
      <c r="AV44" s="278" t="s">
        <v>40</v>
      </c>
      <c r="AW44" s="345"/>
      <c r="AX44" s="250" t="s">
        <v>432</v>
      </c>
      <c r="AZ44" s="153"/>
      <c r="BA44" s="153"/>
      <c r="BB44" s="153"/>
      <c r="BC44" s="153"/>
      <c r="BD44" s="153"/>
      <c r="BE44" s="153"/>
      <c r="BF44" s="153"/>
      <c r="BG44" s="153"/>
      <c r="BJ44" s="7"/>
      <c r="BK44" s="260"/>
      <c r="BL44" s="260"/>
      <c r="BM44" s="260"/>
      <c r="BN44" s="260"/>
      <c r="BO44" s="260"/>
      <c r="BP44" s="260"/>
      <c r="BQ44" s="260"/>
      <c r="BR44" s="260"/>
    </row>
    <row r="45" spans="4:78" ht="16.5" customHeight="1">
      <c r="D45" s="359"/>
      <c r="E45" s="360"/>
      <c r="F45" s="360"/>
      <c r="G45" s="361"/>
      <c r="H45" s="378"/>
      <c r="I45" s="379"/>
      <c r="J45" s="379"/>
      <c r="K45" s="379"/>
      <c r="L45" s="379"/>
      <c r="M45" s="380"/>
      <c r="N45" s="378"/>
      <c r="O45" s="379"/>
      <c r="P45" s="379"/>
      <c r="Q45" s="379"/>
      <c r="R45" s="379"/>
      <c r="S45" s="379"/>
      <c r="T45" s="379"/>
      <c r="U45" s="379"/>
      <c r="V45" s="380"/>
      <c r="W45" s="378"/>
      <c r="X45" s="379"/>
      <c r="Y45" s="379"/>
      <c r="Z45" s="379"/>
      <c r="AA45" s="379"/>
      <c r="AB45" s="379"/>
      <c r="AC45" s="379"/>
      <c r="AD45" s="379"/>
      <c r="AE45" s="380"/>
      <c r="AF45" s="381"/>
      <c r="AG45" s="278"/>
      <c r="AH45" s="278"/>
      <c r="AI45" s="278"/>
      <c r="AJ45" s="278"/>
      <c r="AK45" s="278"/>
      <c r="AL45" s="278"/>
      <c r="AM45" s="345"/>
      <c r="AN45" s="378"/>
      <c r="AO45" s="379"/>
      <c r="AP45" s="379"/>
      <c r="AQ45" s="379"/>
      <c r="AR45" s="379"/>
      <c r="AS45" s="379"/>
      <c r="AT45" s="379"/>
      <c r="AU45" s="379"/>
      <c r="AV45" s="278"/>
      <c r="AW45" s="345"/>
      <c r="AX45" s="6"/>
      <c r="BB45" s="188"/>
      <c r="BC45" s="188"/>
      <c r="BD45" s="188"/>
      <c r="BE45" s="188"/>
      <c r="BF45" s="188"/>
      <c r="BG45" s="188"/>
      <c r="BH45" s="188"/>
      <c r="BI45" s="250" t="s">
        <v>40</v>
      </c>
      <c r="BJ45" s="7"/>
      <c r="BK45" s="260"/>
      <c r="BL45" s="260"/>
      <c r="BM45" s="260"/>
      <c r="BN45" s="260"/>
      <c r="BO45" s="260"/>
      <c r="BP45" s="260"/>
      <c r="BQ45" s="260"/>
      <c r="BR45" s="260"/>
    </row>
    <row r="46" spans="4:78" ht="20.100000000000001" customHeight="1">
      <c r="D46" s="359"/>
      <c r="E46" s="360"/>
      <c r="F46" s="360"/>
      <c r="G46" s="361"/>
      <c r="H46" s="322" t="s">
        <v>275</v>
      </c>
      <c r="I46" s="319"/>
      <c r="J46" s="319"/>
      <c r="K46" s="319"/>
      <c r="L46" s="319"/>
      <c r="M46" s="321"/>
      <c r="N46" s="322"/>
      <c r="O46" s="319"/>
      <c r="P46" s="319"/>
      <c r="Q46" s="319"/>
      <c r="R46" s="319"/>
      <c r="S46" s="319"/>
      <c r="T46" s="319"/>
      <c r="U46" s="319" t="s">
        <v>40</v>
      </c>
      <c r="V46" s="321"/>
      <c r="W46" s="322"/>
      <c r="X46" s="319"/>
      <c r="Y46" s="319"/>
      <c r="Z46" s="319"/>
      <c r="AA46" s="319"/>
      <c r="AB46" s="319"/>
      <c r="AC46" s="319"/>
      <c r="AD46" s="319" t="s">
        <v>40</v>
      </c>
      <c r="AE46" s="321"/>
      <c r="AF46" s="381"/>
      <c r="AG46" s="278"/>
      <c r="AH46" s="278"/>
      <c r="AI46" s="278"/>
      <c r="AJ46" s="278"/>
      <c r="AK46" s="278"/>
      <c r="AL46" s="278" t="s">
        <v>40</v>
      </c>
      <c r="AM46" s="345"/>
      <c r="AN46" s="322"/>
      <c r="AO46" s="319"/>
      <c r="AP46" s="319"/>
      <c r="AQ46" s="319"/>
      <c r="AR46" s="319"/>
      <c r="AS46" s="319"/>
      <c r="AT46" s="319"/>
      <c r="AU46" s="319"/>
      <c r="AV46" s="278" t="s">
        <v>40</v>
      </c>
      <c r="AW46" s="345"/>
      <c r="AX46" s="250" t="s">
        <v>433</v>
      </c>
      <c r="AZ46" s="153"/>
      <c r="BA46" s="153"/>
      <c r="BB46" s="153"/>
      <c r="BC46" s="153"/>
      <c r="BD46" s="153"/>
      <c r="BE46" s="153"/>
      <c r="BF46" s="153"/>
      <c r="BG46" s="153"/>
      <c r="BH46" s="153"/>
      <c r="BJ46" s="7"/>
      <c r="BK46" s="260"/>
      <c r="BL46" s="260"/>
      <c r="BM46" s="260"/>
      <c r="BN46" s="260"/>
      <c r="BO46" s="260"/>
      <c r="BP46" s="260"/>
      <c r="BQ46" s="260"/>
      <c r="BR46" s="260"/>
    </row>
    <row r="47" spans="4:78" ht="16.5" customHeight="1">
      <c r="D47" s="359"/>
      <c r="E47" s="360"/>
      <c r="F47" s="360"/>
      <c r="G47" s="361"/>
      <c r="H47" s="378"/>
      <c r="I47" s="379"/>
      <c r="J47" s="379"/>
      <c r="K47" s="379"/>
      <c r="L47" s="379"/>
      <c r="M47" s="380"/>
      <c r="N47" s="378"/>
      <c r="O47" s="379"/>
      <c r="P47" s="379"/>
      <c r="Q47" s="379"/>
      <c r="R47" s="379"/>
      <c r="S47" s="379"/>
      <c r="T47" s="379"/>
      <c r="U47" s="379"/>
      <c r="V47" s="380"/>
      <c r="W47" s="378"/>
      <c r="X47" s="379"/>
      <c r="Y47" s="379"/>
      <c r="Z47" s="379"/>
      <c r="AA47" s="379"/>
      <c r="AB47" s="379"/>
      <c r="AC47" s="379"/>
      <c r="AD47" s="379"/>
      <c r="AE47" s="380"/>
      <c r="AF47" s="381"/>
      <c r="AG47" s="278"/>
      <c r="AH47" s="278"/>
      <c r="AI47" s="278"/>
      <c r="AJ47" s="278"/>
      <c r="AK47" s="278"/>
      <c r="AL47" s="278"/>
      <c r="AM47" s="345"/>
      <c r="AN47" s="378"/>
      <c r="AO47" s="379"/>
      <c r="AP47" s="379"/>
      <c r="AQ47" s="379"/>
      <c r="AR47" s="379"/>
      <c r="AS47" s="379"/>
      <c r="AT47" s="379"/>
      <c r="AU47" s="379"/>
      <c r="AV47" s="278"/>
      <c r="AW47" s="345"/>
      <c r="AX47" s="6"/>
      <c r="BB47" s="188"/>
      <c r="BC47" s="188"/>
      <c r="BD47" s="188"/>
      <c r="BE47" s="188"/>
      <c r="BF47" s="188"/>
      <c r="BG47" s="188"/>
      <c r="BH47" s="188"/>
      <c r="BI47" s="250" t="s">
        <v>40</v>
      </c>
      <c r="BJ47" s="7"/>
      <c r="BK47" s="260"/>
      <c r="BL47" s="260"/>
      <c r="BM47" s="260"/>
      <c r="BN47" s="260"/>
      <c r="BO47" s="260"/>
      <c r="BP47" s="260"/>
      <c r="BQ47" s="260"/>
      <c r="BR47" s="260"/>
    </row>
    <row r="48" spans="4:78" ht="20.100000000000001" customHeight="1">
      <c r="D48" s="359"/>
      <c r="E48" s="360"/>
      <c r="F48" s="360"/>
      <c r="G48" s="361"/>
      <c r="H48" s="382" t="s">
        <v>297</v>
      </c>
      <c r="I48" s="383"/>
      <c r="J48" s="383"/>
      <c r="K48" s="383"/>
      <c r="L48" s="383"/>
      <c r="M48" s="384"/>
      <c r="N48" s="322"/>
      <c r="O48" s="319"/>
      <c r="P48" s="319"/>
      <c r="Q48" s="319"/>
      <c r="R48" s="319"/>
      <c r="S48" s="319"/>
      <c r="T48" s="319"/>
      <c r="U48" s="319" t="s">
        <v>40</v>
      </c>
      <c r="V48" s="321"/>
      <c r="W48" s="322"/>
      <c r="X48" s="319"/>
      <c r="Y48" s="319"/>
      <c r="Z48" s="319"/>
      <c r="AA48" s="319"/>
      <c r="AB48" s="319"/>
      <c r="AC48" s="319"/>
      <c r="AD48" s="319" t="s">
        <v>40</v>
      </c>
      <c r="AE48" s="321"/>
      <c r="AF48" s="381"/>
      <c r="AG48" s="278"/>
      <c r="AH48" s="278"/>
      <c r="AI48" s="278"/>
      <c r="AJ48" s="278"/>
      <c r="AK48" s="278"/>
      <c r="AL48" s="278" t="s">
        <v>40</v>
      </c>
      <c r="AM48" s="345"/>
      <c r="AN48" s="322"/>
      <c r="AO48" s="319"/>
      <c r="AP48" s="319"/>
      <c r="AQ48" s="319"/>
      <c r="AR48" s="319"/>
      <c r="AS48" s="319"/>
      <c r="AT48" s="319"/>
      <c r="AU48" s="319"/>
      <c r="AV48" s="278" t="s">
        <v>40</v>
      </c>
      <c r="AW48" s="345"/>
      <c r="AX48" s="234" t="s">
        <v>34</v>
      </c>
      <c r="AZ48" s="308"/>
      <c r="BA48" s="308"/>
      <c r="BB48" s="308"/>
      <c r="BC48" s="308"/>
      <c r="BD48" s="308"/>
      <c r="BE48" s="308"/>
      <c r="BF48" s="308"/>
      <c r="BG48" s="308"/>
      <c r="BH48" s="250" t="s">
        <v>23</v>
      </c>
      <c r="BJ48" s="7"/>
      <c r="BK48" s="260"/>
      <c r="BL48" s="260"/>
      <c r="BM48" s="260"/>
      <c r="BN48" s="260"/>
      <c r="BO48" s="260"/>
      <c r="BP48" s="260"/>
      <c r="BQ48" s="260"/>
      <c r="BR48" s="260"/>
    </row>
    <row r="49" spans="4:81" ht="16.5" customHeight="1">
      <c r="D49" s="359"/>
      <c r="E49" s="360"/>
      <c r="F49" s="360"/>
      <c r="G49" s="361"/>
      <c r="H49" s="385"/>
      <c r="I49" s="386"/>
      <c r="J49" s="386"/>
      <c r="K49" s="386"/>
      <c r="L49" s="386"/>
      <c r="M49" s="387"/>
      <c r="N49" s="378"/>
      <c r="O49" s="379"/>
      <c r="P49" s="379"/>
      <c r="Q49" s="379"/>
      <c r="R49" s="379"/>
      <c r="S49" s="379"/>
      <c r="T49" s="379"/>
      <c r="U49" s="379"/>
      <c r="V49" s="380"/>
      <c r="W49" s="378"/>
      <c r="X49" s="379"/>
      <c r="Y49" s="379"/>
      <c r="Z49" s="379"/>
      <c r="AA49" s="379"/>
      <c r="AB49" s="379"/>
      <c r="AC49" s="379"/>
      <c r="AD49" s="379"/>
      <c r="AE49" s="380"/>
      <c r="AF49" s="381"/>
      <c r="AG49" s="278"/>
      <c r="AH49" s="278"/>
      <c r="AI49" s="278"/>
      <c r="AJ49" s="278"/>
      <c r="AK49" s="278"/>
      <c r="AL49" s="278"/>
      <c r="AM49" s="345"/>
      <c r="AN49" s="378"/>
      <c r="AO49" s="379"/>
      <c r="AP49" s="379"/>
      <c r="AQ49" s="379"/>
      <c r="AR49" s="379"/>
      <c r="AS49" s="379"/>
      <c r="AT49" s="379"/>
      <c r="AU49" s="379"/>
      <c r="AV49" s="278"/>
      <c r="AW49" s="345"/>
      <c r="AX49" s="6"/>
      <c r="BB49" s="308"/>
      <c r="BC49" s="308"/>
      <c r="BD49" s="308"/>
      <c r="BE49" s="308"/>
      <c r="BF49" s="308"/>
      <c r="BG49" s="308"/>
      <c r="BH49" s="308"/>
      <c r="BI49" s="250" t="s">
        <v>40</v>
      </c>
      <c r="BJ49" s="7"/>
      <c r="BK49" s="260"/>
      <c r="BL49" s="260"/>
      <c r="BM49" s="260"/>
      <c r="BN49" s="260"/>
      <c r="BO49" s="260"/>
      <c r="BP49" s="260"/>
      <c r="BQ49" s="260"/>
      <c r="BR49" s="260"/>
    </row>
    <row r="50" spans="4:81" ht="16.5" customHeight="1">
      <c r="D50" s="359"/>
      <c r="E50" s="360"/>
      <c r="F50" s="360"/>
      <c r="G50" s="361"/>
      <c r="H50" s="322" t="s">
        <v>57</v>
      </c>
      <c r="I50" s="319"/>
      <c r="J50" s="319"/>
      <c r="K50" s="319"/>
      <c r="L50" s="319"/>
      <c r="M50" s="321"/>
      <c r="N50" s="322"/>
      <c r="O50" s="319"/>
      <c r="P50" s="319"/>
      <c r="Q50" s="319"/>
      <c r="R50" s="319"/>
      <c r="S50" s="319"/>
      <c r="T50" s="319"/>
      <c r="U50" s="319" t="s">
        <v>40</v>
      </c>
      <c r="V50" s="321"/>
      <c r="W50" s="322"/>
      <c r="X50" s="319"/>
      <c r="Y50" s="319"/>
      <c r="Z50" s="319"/>
      <c r="AA50" s="319"/>
      <c r="AB50" s="319"/>
      <c r="AC50" s="319"/>
      <c r="AD50" s="319" t="s">
        <v>40</v>
      </c>
      <c r="AE50" s="321"/>
      <c r="AF50" s="381"/>
      <c r="AG50" s="278"/>
      <c r="AH50" s="278"/>
      <c r="AI50" s="278"/>
      <c r="AJ50" s="278"/>
      <c r="AK50" s="278"/>
      <c r="AL50" s="278" t="s">
        <v>40</v>
      </c>
      <c r="AM50" s="345"/>
      <c r="AN50" s="322"/>
      <c r="AO50" s="319"/>
      <c r="AP50" s="319"/>
      <c r="AQ50" s="319"/>
      <c r="AR50" s="319"/>
      <c r="AS50" s="319"/>
      <c r="AT50" s="319"/>
      <c r="AU50" s="319"/>
      <c r="AV50" s="278" t="s">
        <v>40</v>
      </c>
      <c r="AW50" s="345"/>
      <c r="AX50" s="234" t="s">
        <v>333</v>
      </c>
      <c r="AZ50" s="188"/>
      <c r="BA50" s="188"/>
      <c r="BB50" s="188"/>
      <c r="BC50" s="188"/>
      <c r="BD50" s="188"/>
      <c r="BE50" s="188"/>
      <c r="BF50" s="188"/>
      <c r="BG50" s="188"/>
      <c r="BH50" s="250" t="s">
        <v>334</v>
      </c>
      <c r="BJ50" s="7"/>
      <c r="BK50" s="260"/>
      <c r="BL50" s="260"/>
      <c r="BM50" s="260"/>
      <c r="BN50" s="260"/>
      <c r="BO50" s="260"/>
      <c r="BP50" s="260"/>
      <c r="BQ50" s="260"/>
      <c r="BR50" s="260"/>
    </row>
    <row r="51" spans="4:81" ht="16.5" customHeight="1">
      <c r="D51" s="362"/>
      <c r="E51" s="363"/>
      <c r="F51" s="363"/>
      <c r="G51" s="364"/>
      <c r="H51" s="329"/>
      <c r="I51" s="275"/>
      <c r="J51" s="275"/>
      <c r="K51" s="275"/>
      <c r="L51" s="275"/>
      <c r="M51" s="374"/>
      <c r="N51" s="329"/>
      <c r="O51" s="275"/>
      <c r="P51" s="275"/>
      <c r="Q51" s="275"/>
      <c r="R51" s="275"/>
      <c r="S51" s="275"/>
      <c r="T51" s="275"/>
      <c r="U51" s="275"/>
      <c r="V51" s="374"/>
      <c r="W51" s="329"/>
      <c r="X51" s="275"/>
      <c r="Y51" s="275"/>
      <c r="Z51" s="275"/>
      <c r="AA51" s="275"/>
      <c r="AB51" s="275"/>
      <c r="AC51" s="275"/>
      <c r="AD51" s="275"/>
      <c r="AE51" s="374"/>
      <c r="AF51" s="297"/>
      <c r="AG51" s="288"/>
      <c r="AH51" s="288"/>
      <c r="AI51" s="288"/>
      <c r="AJ51" s="288"/>
      <c r="AK51" s="288"/>
      <c r="AL51" s="288"/>
      <c r="AM51" s="295"/>
      <c r="AN51" s="329"/>
      <c r="AO51" s="275"/>
      <c r="AP51" s="275"/>
      <c r="AQ51" s="275"/>
      <c r="AR51" s="275"/>
      <c r="AS51" s="275"/>
      <c r="AT51" s="275"/>
      <c r="AU51" s="275"/>
      <c r="AV51" s="288"/>
      <c r="AW51" s="295"/>
      <c r="AX51" s="8"/>
      <c r="AY51" s="251"/>
      <c r="AZ51" s="251"/>
      <c r="BA51" s="251"/>
      <c r="BB51" s="176"/>
      <c r="BC51" s="176"/>
      <c r="BD51" s="176"/>
      <c r="BE51" s="176"/>
      <c r="BF51" s="176"/>
      <c r="BG51" s="176"/>
      <c r="BH51" s="176"/>
      <c r="BI51" s="251" t="s">
        <v>40</v>
      </c>
      <c r="BJ51" s="9"/>
      <c r="BK51" s="260"/>
      <c r="BL51" s="260"/>
      <c r="BM51" s="260"/>
      <c r="BN51" s="260"/>
      <c r="BO51" s="260"/>
      <c r="BP51" s="260"/>
      <c r="BQ51" s="260"/>
      <c r="BR51" s="260"/>
    </row>
    <row r="52" spans="4:81" ht="20.25" customHeight="1">
      <c r="D52" s="255" t="s">
        <v>60</v>
      </c>
      <c r="E52" s="249"/>
      <c r="F52" s="36"/>
      <c r="G52" s="36"/>
      <c r="H52" s="36"/>
      <c r="I52" s="36"/>
      <c r="J52" s="36"/>
      <c r="K52" s="36"/>
      <c r="L52" s="36"/>
      <c r="M52" s="249"/>
      <c r="N52" s="249"/>
      <c r="O52" s="249"/>
      <c r="P52" s="36"/>
      <c r="Q52" s="36"/>
      <c r="R52" s="36"/>
      <c r="S52" s="36"/>
      <c r="T52" s="36"/>
      <c r="U52" s="36"/>
      <c r="V52" s="36"/>
      <c r="W52" s="36"/>
      <c r="X52" s="36"/>
      <c r="Y52" s="36"/>
      <c r="Z52" s="36"/>
      <c r="AA52" s="36"/>
      <c r="AB52" s="36"/>
      <c r="AC52" s="36"/>
      <c r="AD52" s="36"/>
      <c r="AE52" s="36"/>
      <c r="AF52" s="36"/>
      <c r="AG52" s="36"/>
      <c r="AH52" s="36"/>
      <c r="AI52" s="36"/>
      <c r="AJ52" s="36"/>
      <c r="AK52" s="36"/>
      <c r="AL52" s="36"/>
      <c r="AM52" s="36"/>
      <c r="AN52" s="36"/>
      <c r="AO52" s="36"/>
      <c r="AP52" s="36"/>
      <c r="AQ52" s="36"/>
      <c r="AR52" s="36"/>
      <c r="AS52" s="36"/>
      <c r="AT52" s="36"/>
      <c r="AU52" s="36"/>
      <c r="AV52" s="36"/>
      <c r="AW52" s="36"/>
      <c r="AX52" s="36"/>
      <c r="AY52" s="36"/>
      <c r="AZ52" s="36"/>
      <c r="BA52" s="36"/>
      <c r="BB52" s="36"/>
      <c r="BC52" s="36"/>
      <c r="BD52" s="36"/>
      <c r="BE52" s="36"/>
      <c r="BF52" s="36"/>
      <c r="BG52" s="36"/>
      <c r="BH52" s="36"/>
      <c r="BI52" s="260"/>
      <c r="BJ52" s="260"/>
      <c r="BK52" s="260"/>
      <c r="BL52" s="260"/>
      <c r="BM52" s="260"/>
      <c r="BN52" s="260"/>
      <c r="BO52" s="260"/>
      <c r="BP52" s="260"/>
    </row>
    <row r="53" spans="4:81" ht="11.25" customHeight="1">
      <c r="F53" s="260"/>
      <c r="G53" s="260"/>
      <c r="H53" s="260"/>
      <c r="I53" s="260"/>
      <c r="J53" s="260"/>
      <c r="K53" s="260"/>
      <c r="L53" s="260"/>
      <c r="P53" s="260"/>
      <c r="Q53" s="260"/>
      <c r="R53" s="260"/>
      <c r="S53" s="260"/>
      <c r="T53" s="260"/>
      <c r="U53" s="260"/>
      <c r="V53" s="260"/>
      <c r="W53" s="260"/>
      <c r="X53" s="260"/>
      <c r="Y53" s="260"/>
      <c r="Z53" s="260"/>
      <c r="AA53" s="260"/>
      <c r="AB53" s="260"/>
      <c r="AC53" s="260"/>
      <c r="AD53" s="260"/>
      <c r="AE53" s="260"/>
      <c r="AF53" s="260"/>
      <c r="AG53" s="260"/>
      <c r="AH53" s="260"/>
      <c r="AI53" s="260"/>
      <c r="AJ53" s="260"/>
      <c r="AK53" s="260"/>
      <c r="AL53" s="260"/>
      <c r="AM53" s="260"/>
      <c r="AN53" s="260"/>
      <c r="AO53" s="260"/>
      <c r="AP53" s="260"/>
      <c r="AQ53" s="260"/>
      <c r="AR53" s="260"/>
      <c r="AS53" s="260"/>
      <c r="AT53" s="260"/>
      <c r="AU53" s="260"/>
      <c r="AV53" s="260"/>
      <c r="AW53" s="260"/>
      <c r="AX53" s="260"/>
      <c r="AY53" s="260"/>
      <c r="AZ53" s="260"/>
      <c r="BA53" s="260"/>
      <c r="BB53" s="260"/>
      <c r="BC53" s="260"/>
      <c r="BD53" s="260"/>
      <c r="BE53" s="260"/>
      <c r="BF53" s="260"/>
      <c r="BG53" s="260"/>
      <c r="BH53" s="260"/>
      <c r="BI53" s="260"/>
      <c r="BJ53" s="260"/>
      <c r="BK53" s="260"/>
      <c r="BL53" s="260"/>
      <c r="BM53" s="260"/>
      <c r="BN53" s="260"/>
      <c r="BO53" s="260"/>
      <c r="BP53" s="260"/>
    </row>
    <row r="54" spans="4:81" ht="24.9" customHeight="1">
      <c r="D54" s="594"/>
      <c r="E54" s="594"/>
      <c r="F54" s="594"/>
      <c r="G54" s="594"/>
      <c r="H54" s="594"/>
      <c r="I54" s="594"/>
      <c r="J54" s="594"/>
      <c r="K54" s="388" t="s">
        <v>52</v>
      </c>
      <c r="L54" s="389"/>
      <c r="M54" s="389"/>
      <c r="N54" s="389"/>
      <c r="O54" s="389"/>
      <c r="P54" s="390"/>
      <c r="Q54" s="388" t="s">
        <v>53</v>
      </c>
      <c r="R54" s="389"/>
      <c r="S54" s="389"/>
      <c r="T54" s="389"/>
      <c r="U54" s="389"/>
      <c r="V54" s="390"/>
      <c r="W54" s="388" t="s">
        <v>54</v>
      </c>
      <c r="X54" s="389"/>
      <c r="Y54" s="389"/>
      <c r="Z54" s="389"/>
      <c r="AA54" s="389"/>
      <c r="AB54" s="390"/>
      <c r="AC54" s="388" t="s">
        <v>55</v>
      </c>
      <c r="AD54" s="389"/>
      <c r="AE54" s="389"/>
      <c r="AF54" s="389"/>
      <c r="AG54" s="389"/>
      <c r="AH54" s="390"/>
      <c r="AI54" s="388" t="s">
        <v>274</v>
      </c>
      <c r="AJ54" s="389"/>
      <c r="AK54" s="389"/>
      <c r="AL54" s="389"/>
      <c r="AM54" s="389"/>
      <c r="AN54" s="390"/>
      <c r="AO54" s="388" t="s">
        <v>275</v>
      </c>
      <c r="AP54" s="389"/>
      <c r="AQ54" s="389"/>
      <c r="AR54" s="389"/>
      <c r="AS54" s="389"/>
      <c r="AT54" s="390"/>
      <c r="AU54" s="391" t="s">
        <v>276</v>
      </c>
      <c r="AV54" s="392"/>
      <c r="AW54" s="392"/>
      <c r="AX54" s="392"/>
      <c r="AY54" s="392"/>
      <c r="AZ54" s="392"/>
      <c r="BA54" s="393"/>
      <c r="BB54" s="388" t="s">
        <v>57</v>
      </c>
      <c r="BC54" s="389"/>
      <c r="BD54" s="389"/>
      <c r="BE54" s="389"/>
      <c r="BF54" s="389"/>
      <c r="BG54" s="390"/>
      <c r="BH54" s="388" t="s">
        <v>56</v>
      </c>
      <c r="BI54" s="389"/>
      <c r="BJ54" s="389"/>
      <c r="BK54" s="389"/>
      <c r="BL54" s="389"/>
      <c r="BM54" s="390"/>
      <c r="BN54" s="6"/>
    </row>
    <row r="55" spans="4:81" ht="24.9" customHeight="1">
      <c r="D55" s="371" t="s">
        <v>434</v>
      </c>
      <c r="E55" s="277"/>
      <c r="F55" s="277"/>
      <c r="G55" s="277"/>
      <c r="H55" s="277"/>
      <c r="I55" s="277"/>
      <c r="J55" s="372"/>
      <c r="K55" s="212"/>
      <c r="L55" s="178"/>
      <c r="M55" s="178"/>
      <c r="N55" s="178"/>
      <c r="O55" s="178"/>
      <c r="P55" s="213"/>
      <c r="Q55" s="212"/>
      <c r="R55" s="178"/>
      <c r="S55" s="178"/>
      <c r="T55" s="178"/>
      <c r="U55" s="178"/>
      <c r="V55" s="213"/>
      <c r="W55" s="212"/>
      <c r="X55" s="178"/>
      <c r="Y55" s="178"/>
      <c r="Z55" s="178"/>
      <c r="AA55" s="178"/>
      <c r="AB55" s="213"/>
      <c r="AC55" s="212"/>
      <c r="AD55" s="178"/>
      <c r="AE55" s="178"/>
      <c r="AF55" s="178"/>
      <c r="AG55" s="178"/>
      <c r="AH55" s="213"/>
      <c r="AI55" s="212"/>
      <c r="AJ55" s="178"/>
      <c r="AK55" s="178"/>
      <c r="AL55" s="178"/>
      <c r="AM55" s="178"/>
      <c r="AN55" s="213"/>
      <c r="AO55" s="212"/>
      <c r="AP55" s="178"/>
      <c r="AQ55" s="178"/>
      <c r="AR55" s="178"/>
      <c r="AS55" s="178"/>
      <c r="AT55" s="213"/>
      <c r="AU55" s="226"/>
      <c r="AV55" s="245"/>
      <c r="AW55" s="245"/>
      <c r="AX55" s="245"/>
      <c r="AY55" s="245"/>
      <c r="AZ55" s="245"/>
      <c r="BA55" s="246"/>
      <c r="BB55" s="212"/>
      <c r="BC55" s="178"/>
      <c r="BD55" s="178"/>
      <c r="BE55" s="178"/>
      <c r="BF55" s="178"/>
      <c r="BG55" s="213"/>
      <c r="BH55" s="212"/>
      <c r="BI55" s="178"/>
      <c r="BJ55" s="178"/>
      <c r="BK55" s="178"/>
      <c r="BL55" s="178"/>
      <c r="BM55" s="213"/>
      <c r="BN55" s="6"/>
    </row>
    <row r="56" spans="4:81" ht="20.100000000000001" customHeight="1">
      <c r="D56" s="329"/>
      <c r="E56" s="275"/>
      <c r="F56" s="275"/>
      <c r="G56" s="275"/>
      <c r="H56" s="275"/>
      <c r="I56" s="275"/>
      <c r="J56" s="374"/>
      <c r="K56" s="329" t="s">
        <v>435</v>
      </c>
      <c r="L56" s="275"/>
      <c r="M56" s="275"/>
      <c r="N56" s="275"/>
      <c r="O56" s="275"/>
      <c r="P56" s="374"/>
      <c r="Q56" s="329" t="s">
        <v>435</v>
      </c>
      <c r="R56" s="275"/>
      <c r="S56" s="275"/>
      <c r="T56" s="275"/>
      <c r="U56" s="275"/>
      <c r="V56" s="374"/>
      <c r="W56" s="329" t="s">
        <v>435</v>
      </c>
      <c r="X56" s="275"/>
      <c r="Y56" s="275"/>
      <c r="Z56" s="275"/>
      <c r="AA56" s="275"/>
      <c r="AB56" s="374"/>
      <c r="AC56" s="329" t="s">
        <v>435</v>
      </c>
      <c r="AD56" s="275"/>
      <c r="AE56" s="275"/>
      <c r="AF56" s="275"/>
      <c r="AG56" s="275"/>
      <c r="AH56" s="374"/>
      <c r="AI56" s="329" t="s">
        <v>435</v>
      </c>
      <c r="AJ56" s="275"/>
      <c r="AK56" s="275"/>
      <c r="AL56" s="275"/>
      <c r="AM56" s="275"/>
      <c r="AN56" s="374"/>
      <c r="AO56" s="329" t="s">
        <v>435</v>
      </c>
      <c r="AP56" s="275"/>
      <c r="AQ56" s="275"/>
      <c r="AR56" s="275"/>
      <c r="AS56" s="275"/>
      <c r="AT56" s="374"/>
      <c r="AU56" s="394" t="s">
        <v>436</v>
      </c>
      <c r="AV56" s="394"/>
      <c r="AW56" s="394"/>
      <c r="AX56" s="394"/>
      <c r="AY56" s="394"/>
      <c r="AZ56" s="394"/>
      <c r="BA56" s="394"/>
      <c r="BB56" s="329" t="s">
        <v>435</v>
      </c>
      <c r="BC56" s="275"/>
      <c r="BD56" s="275"/>
      <c r="BE56" s="275"/>
      <c r="BF56" s="275"/>
      <c r="BG56" s="374"/>
      <c r="BH56" s="329" t="s">
        <v>435</v>
      </c>
      <c r="BI56" s="275"/>
      <c r="BJ56" s="275"/>
      <c r="BK56" s="275"/>
      <c r="BL56" s="275"/>
      <c r="BM56" s="374"/>
      <c r="BN56" s="40"/>
      <c r="BO56" s="260"/>
      <c r="BP56" s="260"/>
      <c r="BQ56" s="260"/>
      <c r="BR56" s="260"/>
      <c r="BS56" s="260"/>
      <c r="BT56" s="260"/>
      <c r="BU56" s="260"/>
      <c r="BV56" s="260"/>
      <c r="BW56" s="260"/>
    </row>
    <row r="57" spans="4:81" ht="20.100000000000001" customHeight="1">
      <c r="D57" s="371" t="s">
        <v>456</v>
      </c>
      <c r="E57" s="277"/>
      <c r="F57" s="277"/>
      <c r="G57" s="598" t="s">
        <v>458</v>
      </c>
      <c r="H57" s="599"/>
      <c r="I57" s="599"/>
      <c r="J57" s="600"/>
      <c r="K57" s="181"/>
      <c r="L57" s="180"/>
      <c r="M57" s="180"/>
      <c r="N57" s="180"/>
      <c r="O57" s="180"/>
      <c r="P57" s="182"/>
      <c r="Q57" s="181"/>
      <c r="R57" s="180"/>
      <c r="S57" s="180"/>
      <c r="T57" s="180"/>
      <c r="U57" s="180"/>
      <c r="V57" s="182"/>
      <c r="W57" s="181"/>
      <c r="X57" s="180"/>
      <c r="Y57" s="180"/>
      <c r="Z57" s="180"/>
      <c r="AA57" s="180"/>
      <c r="AB57" s="182"/>
      <c r="AC57" s="181"/>
      <c r="AD57" s="180"/>
      <c r="AE57" s="180"/>
      <c r="AF57" s="180"/>
      <c r="AG57" s="180"/>
      <c r="AH57" s="182"/>
      <c r="AI57" s="181"/>
      <c r="AJ57" s="180"/>
      <c r="AK57" s="180"/>
      <c r="AL57" s="180"/>
      <c r="AM57" s="180"/>
      <c r="AN57" s="182"/>
      <c r="AO57" s="181"/>
      <c r="AP57" s="180"/>
      <c r="AQ57" s="180"/>
      <c r="AR57" s="180"/>
      <c r="AS57" s="180"/>
      <c r="AT57" s="182"/>
      <c r="AU57" s="181"/>
      <c r="AV57" s="180"/>
      <c r="AW57" s="180"/>
      <c r="AX57" s="180"/>
      <c r="AY57" s="180"/>
      <c r="AZ57" s="180"/>
      <c r="BA57" s="182"/>
      <c r="BB57" s="181"/>
      <c r="BC57" s="180"/>
      <c r="BD57" s="180"/>
      <c r="BE57" s="180"/>
      <c r="BF57" s="180"/>
      <c r="BG57" s="182"/>
      <c r="BH57" s="181"/>
      <c r="BI57" s="180"/>
      <c r="BJ57" s="180"/>
      <c r="BK57" s="180"/>
      <c r="BL57" s="180"/>
      <c r="BM57" s="182"/>
      <c r="BN57" s="260"/>
      <c r="BO57" s="260"/>
      <c r="BP57" s="260"/>
      <c r="BQ57" s="260"/>
      <c r="BR57" s="260"/>
      <c r="BS57" s="260"/>
      <c r="BT57" s="260"/>
      <c r="BU57" s="260"/>
      <c r="BV57" s="260"/>
      <c r="BW57" s="260"/>
    </row>
    <row r="58" spans="4:81" ht="20.100000000000001" customHeight="1">
      <c r="D58" s="8" t="s">
        <v>457</v>
      </c>
      <c r="E58" s="251"/>
      <c r="F58" s="251"/>
      <c r="G58" s="601" t="s">
        <v>459</v>
      </c>
      <c r="H58" s="602"/>
      <c r="I58" s="602"/>
      <c r="J58" s="603"/>
      <c r="K58" s="297"/>
      <c r="L58" s="288"/>
      <c r="M58" s="288"/>
      <c r="N58" s="288"/>
      <c r="O58" s="288"/>
      <c r="P58" s="295"/>
      <c r="Q58" s="329"/>
      <c r="R58" s="275"/>
      <c r="S58" s="275"/>
      <c r="T58" s="275"/>
      <c r="U58" s="275"/>
      <c r="V58" s="374"/>
      <c r="W58" s="329"/>
      <c r="X58" s="275"/>
      <c r="Y58" s="275"/>
      <c r="Z58" s="275"/>
      <c r="AA58" s="275"/>
      <c r="AB58" s="374"/>
      <c r="AC58" s="329"/>
      <c r="AD58" s="275"/>
      <c r="AE58" s="275"/>
      <c r="AF58" s="275"/>
      <c r="AG58" s="275"/>
      <c r="AH58" s="374"/>
      <c r="AI58" s="329"/>
      <c r="AJ58" s="275"/>
      <c r="AK58" s="275"/>
      <c r="AL58" s="275"/>
      <c r="AM58" s="275"/>
      <c r="AN58" s="374"/>
      <c r="AO58" s="329"/>
      <c r="AP58" s="275"/>
      <c r="AQ58" s="275"/>
      <c r="AR58" s="275"/>
      <c r="AS58" s="275"/>
      <c r="AT58" s="374"/>
      <c r="AU58" s="394"/>
      <c r="AV58" s="394"/>
      <c r="AW58" s="394"/>
      <c r="AX58" s="394"/>
      <c r="AY58" s="394"/>
      <c r="AZ58" s="394"/>
      <c r="BA58" s="394"/>
      <c r="BB58" s="329"/>
      <c r="BC58" s="275"/>
      <c r="BD58" s="275"/>
      <c r="BE58" s="275"/>
      <c r="BF58" s="275"/>
      <c r="BG58" s="374"/>
      <c r="BH58" s="329"/>
      <c r="BI58" s="275"/>
      <c r="BJ58" s="275"/>
      <c r="BK58" s="275"/>
      <c r="BL58" s="275"/>
      <c r="BM58" s="374"/>
      <c r="BN58" s="260"/>
      <c r="BO58" s="260"/>
      <c r="BP58" s="260"/>
      <c r="BQ58" s="260"/>
      <c r="BR58" s="260"/>
      <c r="BS58" s="260"/>
      <c r="BT58" s="260"/>
      <c r="BU58" s="260"/>
      <c r="BV58" s="260"/>
      <c r="BW58" s="260"/>
    </row>
    <row r="59" spans="4:81" ht="11.25" customHeight="1">
      <c r="D59" s="255" t="s">
        <v>455</v>
      </c>
      <c r="E59" s="249"/>
      <c r="F59" s="36"/>
      <c r="G59" s="36"/>
      <c r="H59" s="36"/>
      <c r="I59" s="36"/>
      <c r="J59" s="36"/>
      <c r="K59" s="36"/>
      <c r="L59" s="36"/>
      <c r="M59" s="249"/>
      <c r="N59" s="249"/>
      <c r="O59" s="249"/>
      <c r="P59" s="36"/>
      <c r="Q59" s="36"/>
      <c r="R59" s="36"/>
      <c r="S59" s="36"/>
      <c r="T59" s="36"/>
      <c r="U59" s="36"/>
      <c r="V59" s="36"/>
      <c r="W59" s="36"/>
      <c r="X59" s="36"/>
      <c r="Y59" s="36"/>
      <c r="Z59" s="36"/>
      <c r="AA59" s="36"/>
      <c r="AB59" s="36"/>
      <c r="AC59" s="36"/>
      <c r="AD59" s="36"/>
      <c r="AE59" s="36"/>
      <c r="AF59" s="36"/>
      <c r="AG59" s="36"/>
      <c r="AH59" s="36"/>
      <c r="AI59" s="36"/>
      <c r="AJ59" s="36"/>
      <c r="AK59" s="36"/>
      <c r="AL59" s="36"/>
      <c r="AM59" s="36"/>
      <c r="AN59" s="36"/>
      <c r="AO59" s="36"/>
      <c r="AP59" s="36"/>
      <c r="AQ59" s="36"/>
      <c r="AR59" s="36"/>
      <c r="AS59" s="36"/>
      <c r="AT59" s="36"/>
      <c r="AU59" s="36"/>
      <c r="AV59" s="36"/>
      <c r="AW59" s="36"/>
      <c r="AX59" s="36"/>
      <c r="AY59" s="36"/>
      <c r="AZ59" s="36"/>
      <c r="BA59" s="36"/>
      <c r="BB59" s="36"/>
      <c r="BC59" s="36"/>
      <c r="BD59" s="36"/>
      <c r="BE59" s="36"/>
      <c r="BF59" s="36"/>
      <c r="BG59" s="36"/>
      <c r="BH59" s="36"/>
      <c r="BI59" s="260"/>
      <c r="BJ59" s="260"/>
      <c r="BK59" s="260"/>
      <c r="BL59" s="260"/>
      <c r="BM59" s="260"/>
      <c r="BN59" s="260"/>
      <c r="BO59" s="260"/>
      <c r="BP59" s="260"/>
    </row>
    <row r="60" spans="4:81" ht="14.25" customHeight="1">
      <c r="D60" s="82" t="s">
        <v>460</v>
      </c>
      <c r="M60" s="260"/>
      <c r="N60" s="260"/>
      <c r="O60" s="260"/>
      <c r="P60" s="260"/>
      <c r="Q60" s="260"/>
      <c r="R60" s="260"/>
      <c r="S60" s="260"/>
      <c r="T60" s="260"/>
      <c r="U60" s="260"/>
      <c r="V60" s="260"/>
      <c r="W60" s="260"/>
      <c r="X60" s="260"/>
      <c r="Y60" s="260"/>
      <c r="Z60" s="260"/>
      <c r="AA60" s="260"/>
      <c r="AB60" s="260"/>
      <c r="AC60" s="260"/>
      <c r="AD60" s="260"/>
      <c r="AE60" s="260"/>
      <c r="AF60" s="260"/>
      <c r="AG60" s="260"/>
      <c r="AH60" s="260"/>
      <c r="AI60" s="260"/>
      <c r="AJ60" s="260"/>
      <c r="AK60" s="260"/>
      <c r="AL60" s="260"/>
      <c r="AM60" s="260"/>
      <c r="AN60" s="260"/>
      <c r="AQ60" s="260"/>
      <c r="AR60" s="260"/>
      <c r="AS60" s="260"/>
      <c r="AT60" s="260"/>
      <c r="AU60" s="260"/>
      <c r="AV60" s="260"/>
      <c r="AW60" s="260"/>
      <c r="AX60" s="260"/>
      <c r="AY60" s="260"/>
      <c r="AZ60" s="260"/>
      <c r="BA60" s="260"/>
      <c r="BB60" s="260"/>
      <c r="BC60" s="260"/>
      <c r="BD60" s="260"/>
      <c r="BE60" s="260"/>
      <c r="BF60" s="260"/>
      <c r="BG60" s="260"/>
      <c r="BH60" s="260"/>
      <c r="BI60" s="260"/>
      <c r="BJ60" s="260"/>
      <c r="BK60" s="260"/>
      <c r="BL60" s="260"/>
      <c r="BM60" s="260"/>
      <c r="BN60" s="260"/>
      <c r="BO60" s="260"/>
      <c r="BP60" s="260"/>
      <c r="BQ60" s="260"/>
      <c r="BR60" s="260"/>
      <c r="BS60" s="260"/>
      <c r="BT60" s="260"/>
      <c r="BU60" s="260"/>
      <c r="BV60" s="260"/>
      <c r="BW60" s="260"/>
    </row>
    <row r="61" spans="4:81" ht="14.25" customHeight="1">
      <c r="D61" s="82"/>
      <c r="M61" s="260"/>
      <c r="N61" s="260"/>
      <c r="O61" s="260"/>
      <c r="P61" s="260"/>
      <c r="Q61" s="260"/>
      <c r="R61" s="260"/>
      <c r="S61" s="260"/>
      <c r="T61" s="260"/>
      <c r="U61" s="260"/>
      <c r="V61" s="260"/>
      <c r="W61" s="260"/>
      <c r="X61" s="260"/>
      <c r="Y61" s="260"/>
      <c r="Z61" s="260"/>
      <c r="AA61" s="260"/>
      <c r="AB61" s="260"/>
      <c r="AC61" s="260"/>
      <c r="AD61" s="260"/>
      <c r="AE61" s="260"/>
      <c r="AF61" s="260"/>
      <c r="AG61" s="260"/>
      <c r="AH61" s="260"/>
      <c r="AI61" s="260"/>
      <c r="AJ61" s="260"/>
      <c r="AK61" s="260"/>
      <c r="AL61" s="260"/>
      <c r="AM61" s="30"/>
      <c r="AN61" s="30"/>
      <c r="AO61" s="251"/>
      <c r="AP61" s="251"/>
      <c r="AQ61" s="30"/>
      <c r="AR61" s="30"/>
      <c r="AS61" s="30"/>
      <c r="AT61" s="30"/>
      <c r="AU61" s="30"/>
      <c r="AV61" s="30"/>
      <c r="AW61" s="30"/>
      <c r="AX61" s="30"/>
      <c r="AY61" s="30"/>
      <c r="AZ61" s="30"/>
      <c r="BA61" s="30"/>
      <c r="BB61" s="30"/>
      <c r="BC61" s="30"/>
      <c r="BD61" s="30"/>
      <c r="BE61" s="30"/>
      <c r="BF61" s="30"/>
      <c r="BG61" s="30"/>
      <c r="BH61" s="30"/>
      <c r="BI61" s="30"/>
      <c r="BJ61" s="30"/>
      <c r="BK61" s="30"/>
      <c r="BL61" s="30"/>
      <c r="BM61" s="30"/>
      <c r="BN61" s="260"/>
      <c r="BO61" s="260"/>
      <c r="BP61" s="260"/>
      <c r="BQ61" s="260"/>
      <c r="BR61" s="260"/>
      <c r="BS61" s="260"/>
      <c r="BT61" s="260"/>
      <c r="BU61" s="260"/>
      <c r="BV61" s="260"/>
      <c r="BW61" s="260"/>
    </row>
    <row r="62" spans="4:81" ht="24" customHeight="1">
      <c r="D62" s="37"/>
      <c r="E62" s="38" t="s">
        <v>363</v>
      </c>
      <c r="F62" s="38"/>
      <c r="G62" s="38"/>
      <c r="H62" s="38"/>
      <c r="I62" s="38"/>
      <c r="J62" s="38"/>
      <c r="K62" s="38"/>
      <c r="L62" s="38"/>
      <c r="M62" s="41"/>
      <c r="N62" s="41"/>
      <c r="O62" s="41"/>
      <c r="P62" s="41"/>
      <c r="Q62" s="41"/>
      <c r="R62" s="41"/>
      <c r="S62" s="41"/>
      <c r="T62" s="41"/>
      <c r="U62" s="41"/>
      <c r="V62" s="41"/>
      <c r="W62" s="41"/>
      <c r="X62" s="41"/>
      <c r="Y62" s="41"/>
      <c r="Z62" s="41"/>
      <c r="AA62" s="41"/>
      <c r="AB62" s="41"/>
      <c r="AC62" s="41"/>
      <c r="AD62" s="41"/>
      <c r="AE62" s="41"/>
      <c r="AF62" s="41"/>
      <c r="AG62" s="41"/>
      <c r="AH62" s="41"/>
      <c r="AI62" s="41"/>
      <c r="AJ62" s="41"/>
      <c r="AK62" s="41"/>
      <c r="AL62" s="41"/>
      <c r="AM62" s="41"/>
      <c r="AN62" s="41"/>
      <c r="AO62" s="41"/>
      <c r="AP62" s="41"/>
      <c r="AQ62" s="38"/>
      <c r="AR62" s="251" t="s">
        <v>427</v>
      </c>
      <c r="AS62" s="251"/>
      <c r="AT62" s="251"/>
      <c r="AU62" s="251"/>
      <c r="AV62" s="275"/>
      <c r="AW62" s="275"/>
      <c r="AX62" s="275"/>
      <c r="AY62" s="251" t="s">
        <v>4</v>
      </c>
      <c r="AZ62" s="251"/>
      <c r="BA62" s="275"/>
      <c r="BB62" s="275"/>
      <c r="BC62" s="275"/>
      <c r="BD62" s="176" t="s">
        <v>5</v>
      </c>
      <c r="BE62" s="251"/>
      <c r="BF62" s="275"/>
      <c r="BG62" s="275"/>
      <c r="BH62" s="275"/>
      <c r="BI62" s="251" t="s">
        <v>70</v>
      </c>
      <c r="BJ62" s="251"/>
      <c r="BK62" s="251"/>
      <c r="BL62" s="251"/>
      <c r="BM62" s="30"/>
      <c r="BN62" s="42"/>
      <c r="BO62" s="260"/>
      <c r="BP62" s="260"/>
      <c r="BQ62" s="260"/>
      <c r="BR62" s="260"/>
      <c r="BS62" s="260"/>
      <c r="BT62" s="260"/>
      <c r="BU62" s="260"/>
      <c r="BV62" s="260"/>
      <c r="BW62" s="260"/>
      <c r="BX62" s="260"/>
      <c r="BY62" s="260"/>
      <c r="BZ62" s="260"/>
      <c r="CA62" s="260"/>
      <c r="CB62" s="260"/>
      <c r="CC62" s="260"/>
    </row>
    <row r="63" spans="4:81" ht="51.75" customHeight="1">
      <c r="D63" s="409"/>
      <c r="E63" s="410"/>
      <c r="F63" s="410"/>
      <c r="G63" s="410"/>
      <c r="H63" s="410"/>
      <c r="I63" s="410"/>
      <c r="J63" s="410"/>
      <c r="K63" s="410"/>
      <c r="L63" s="410"/>
      <c r="M63" s="410"/>
      <c r="N63" s="410"/>
      <c r="O63" s="410"/>
      <c r="P63" s="410"/>
      <c r="Q63" s="410"/>
      <c r="R63" s="410"/>
      <c r="S63" s="410"/>
      <c r="T63" s="410"/>
      <c r="U63" s="411"/>
      <c r="V63" s="395" t="s">
        <v>52</v>
      </c>
      <c r="W63" s="396"/>
      <c r="X63" s="396"/>
      <c r="Y63" s="396"/>
      <c r="Z63" s="397"/>
      <c r="AA63" s="395" t="s">
        <v>53</v>
      </c>
      <c r="AB63" s="396"/>
      <c r="AC63" s="396"/>
      <c r="AD63" s="396"/>
      <c r="AE63" s="397"/>
      <c r="AF63" s="395" t="s">
        <v>54</v>
      </c>
      <c r="AG63" s="396"/>
      <c r="AH63" s="396"/>
      <c r="AI63" s="396"/>
      <c r="AJ63" s="397"/>
      <c r="AK63" s="395" t="s">
        <v>55</v>
      </c>
      <c r="AL63" s="396"/>
      <c r="AM63" s="396"/>
      <c r="AN63" s="396"/>
      <c r="AO63" s="397"/>
      <c r="AP63" s="395" t="s">
        <v>274</v>
      </c>
      <c r="AQ63" s="396"/>
      <c r="AR63" s="396"/>
      <c r="AS63" s="396"/>
      <c r="AT63" s="397"/>
      <c r="AU63" s="395" t="s">
        <v>275</v>
      </c>
      <c r="AV63" s="396"/>
      <c r="AW63" s="396"/>
      <c r="AX63" s="396"/>
      <c r="AY63" s="397"/>
      <c r="AZ63" s="398" t="s">
        <v>278</v>
      </c>
      <c r="BA63" s="399"/>
      <c r="BB63" s="399"/>
      <c r="BC63" s="399"/>
      <c r="BD63" s="400"/>
      <c r="BE63" s="395" t="s">
        <v>57</v>
      </c>
      <c r="BF63" s="396"/>
      <c r="BG63" s="396"/>
      <c r="BH63" s="396"/>
      <c r="BI63" s="397"/>
      <c r="BJ63" s="395" t="s">
        <v>56</v>
      </c>
      <c r="BK63" s="396"/>
      <c r="BL63" s="396"/>
      <c r="BM63" s="396"/>
      <c r="BN63" s="397"/>
      <c r="BO63" s="260"/>
      <c r="BP63" s="260"/>
      <c r="BQ63" s="260"/>
      <c r="BR63" s="260"/>
      <c r="BS63" s="260"/>
      <c r="BT63" s="260"/>
      <c r="BU63" s="260"/>
      <c r="BV63" s="260"/>
      <c r="BW63" s="260"/>
      <c r="BX63" s="260"/>
      <c r="BY63" s="260"/>
      <c r="BZ63" s="260"/>
      <c r="CA63" s="260"/>
      <c r="CB63" s="260"/>
      <c r="CC63" s="260"/>
    </row>
    <row r="64" spans="4:81" ht="22.5" customHeight="1">
      <c r="D64" s="371" t="s">
        <v>106</v>
      </c>
      <c r="E64" s="277"/>
      <c r="F64" s="277"/>
      <c r="G64" s="277"/>
      <c r="H64" s="372"/>
      <c r="I64" s="401" t="s">
        <v>110</v>
      </c>
      <c r="J64" s="402"/>
      <c r="K64" s="402"/>
      <c r="L64" s="402"/>
      <c r="M64" s="402"/>
      <c r="N64" s="402"/>
      <c r="O64" s="402"/>
      <c r="P64" s="402"/>
      <c r="Q64" s="402"/>
      <c r="R64" s="402"/>
      <c r="S64" s="402"/>
      <c r="T64" s="402"/>
      <c r="U64" s="403"/>
      <c r="V64" s="407"/>
      <c r="W64" s="373"/>
      <c r="X64" s="373"/>
      <c r="Y64" s="373"/>
      <c r="Z64" s="408"/>
      <c r="AA64" s="407"/>
      <c r="AB64" s="373"/>
      <c r="AC64" s="373"/>
      <c r="AD64" s="373"/>
      <c r="AE64" s="408"/>
      <c r="AF64" s="407"/>
      <c r="AG64" s="373"/>
      <c r="AH64" s="373"/>
      <c r="AI64" s="373"/>
      <c r="AJ64" s="408"/>
      <c r="AK64" s="407"/>
      <c r="AL64" s="373"/>
      <c r="AM64" s="373"/>
      <c r="AN64" s="373"/>
      <c r="AO64" s="408"/>
      <c r="AP64" s="407"/>
      <c r="AQ64" s="373"/>
      <c r="AR64" s="373"/>
      <c r="AS64" s="373"/>
      <c r="AT64" s="408"/>
      <c r="AU64" s="407"/>
      <c r="AV64" s="373"/>
      <c r="AW64" s="373"/>
      <c r="AX64" s="373"/>
      <c r="AY64" s="408"/>
      <c r="AZ64" s="407"/>
      <c r="BA64" s="373"/>
      <c r="BB64" s="373"/>
      <c r="BC64" s="373"/>
      <c r="BD64" s="408"/>
      <c r="BE64" s="407"/>
      <c r="BF64" s="373"/>
      <c r="BG64" s="373"/>
      <c r="BH64" s="373"/>
      <c r="BI64" s="408"/>
      <c r="BJ64" s="407"/>
      <c r="BK64" s="373"/>
      <c r="BL64" s="373"/>
      <c r="BM64" s="373"/>
      <c r="BN64" s="408"/>
      <c r="BO64" s="260"/>
      <c r="BP64" s="260"/>
      <c r="BQ64" s="260"/>
      <c r="BR64" s="260"/>
      <c r="BS64" s="260"/>
      <c r="BT64" s="260"/>
      <c r="BU64" s="260"/>
      <c r="BV64" s="260"/>
      <c r="BW64" s="260"/>
      <c r="BX64" s="260"/>
      <c r="BY64" s="260"/>
      <c r="BZ64" s="260"/>
      <c r="CA64" s="260"/>
      <c r="CB64" s="260"/>
      <c r="CC64" s="260"/>
    </row>
    <row r="65" spans="4:81" ht="22.5" customHeight="1">
      <c r="D65" s="329"/>
      <c r="E65" s="275"/>
      <c r="F65" s="275"/>
      <c r="G65" s="275"/>
      <c r="H65" s="374"/>
      <c r="I65" s="404"/>
      <c r="J65" s="405"/>
      <c r="K65" s="405"/>
      <c r="L65" s="405"/>
      <c r="M65" s="405"/>
      <c r="N65" s="405"/>
      <c r="O65" s="405"/>
      <c r="P65" s="405"/>
      <c r="Q65" s="405"/>
      <c r="R65" s="405"/>
      <c r="S65" s="405"/>
      <c r="T65" s="405"/>
      <c r="U65" s="406"/>
      <c r="V65" s="412" t="s">
        <v>277</v>
      </c>
      <c r="W65" s="339"/>
      <c r="X65" s="339"/>
      <c r="Y65" s="339"/>
      <c r="Z65" s="413"/>
      <c r="AA65" s="412" t="s">
        <v>277</v>
      </c>
      <c r="AB65" s="339"/>
      <c r="AC65" s="339"/>
      <c r="AD65" s="339"/>
      <c r="AE65" s="413"/>
      <c r="AF65" s="412" t="s">
        <v>277</v>
      </c>
      <c r="AG65" s="339"/>
      <c r="AH65" s="339"/>
      <c r="AI65" s="339"/>
      <c r="AJ65" s="413"/>
      <c r="AK65" s="412" t="s">
        <v>277</v>
      </c>
      <c r="AL65" s="339"/>
      <c r="AM65" s="339"/>
      <c r="AN65" s="339"/>
      <c r="AO65" s="413"/>
      <c r="AP65" s="412" t="s">
        <v>277</v>
      </c>
      <c r="AQ65" s="339"/>
      <c r="AR65" s="339"/>
      <c r="AS65" s="339"/>
      <c r="AT65" s="413"/>
      <c r="AU65" s="412" t="s">
        <v>277</v>
      </c>
      <c r="AV65" s="339"/>
      <c r="AW65" s="339"/>
      <c r="AX65" s="339"/>
      <c r="AY65" s="413"/>
      <c r="AZ65" s="412" t="s">
        <v>277</v>
      </c>
      <c r="BA65" s="339"/>
      <c r="BB65" s="339"/>
      <c r="BC65" s="339"/>
      <c r="BD65" s="413"/>
      <c r="BE65" s="412" t="s">
        <v>277</v>
      </c>
      <c r="BF65" s="339"/>
      <c r="BG65" s="339"/>
      <c r="BH65" s="339"/>
      <c r="BI65" s="413"/>
      <c r="BJ65" s="412" t="s">
        <v>277</v>
      </c>
      <c r="BK65" s="339"/>
      <c r="BL65" s="339"/>
      <c r="BM65" s="339"/>
      <c r="BN65" s="413"/>
      <c r="BO65" s="260"/>
      <c r="BP65" s="260"/>
      <c r="BQ65" s="260"/>
      <c r="BR65" s="260"/>
      <c r="BS65" s="260"/>
      <c r="BT65" s="260"/>
      <c r="BU65" s="260"/>
      <c r="BV65" s="260"/>
      <c r="BW65" s="260"/>
      <c r="BX65" s="260"/>
      <c r="BY65" s="260"/>
      <c r="BZ65" s="260"/>
      <c r="CA65" s="260"/>
      <c r="CB65" s="260"/>
      <c r="CC65" s="260"/>
    </row>
    <row r="66" spans="4:81" ht="22.5" customHeight="1">
      <c r="D66" s="371" t="s">
        <v>107</v>
      </c>
      <c r="E66" s="277"/>
      <c r="F66" s="277"/>
      <c r="G66" s="277"/>
      <c r="H66" s="372"/>
      <c r="I66" s="401" t="s">
        <v>111</v>
      </c>
      <c r="J66" s="402"/>
      <c r="K66" s="402"/>
      <c r="L66" s="402"/>
      <c r="M66" s="402"/>
      <c r="N66" s="402"/>
      <c r="O66" s="402"/>
      <c r="P66" s="402"/>
      <c r="Q66" s="402"/>
      <c r="R66" s="402"/>
      <c r="S66" s="402"/>
      <c r="T66" s="402"/>
      <c r="U66" s="403"/>
      <c r="V66" s="407"/>
      <c r="W66" s="373"/>
      <c r="X66" s="373"/>
      <c r="Y66" s="373"/>
      <c r="Z66" s="408"/>
      <c r="AA66" s="407"/>
      <c r="AB66" s="373"/>
      <c r="AC66" s="373"/>
      <c r="AD66" s="373"/>
      <c r="AE66" s="408"/>
      <c r="AF66" s="407"/>
      <c r="AG66" s="373"/>
      <c r="AH66" s="373"/>
      <c r="AI66" s="373"/>
      <c r="AJ66" s="408"/>
      <c r="AK66" s="407"/>
      <c r="AL66" s="373"/>
      <c r="AM66" s="373"/>
      <c r="AN66" s="373"/>
      <c r="AO66" s="408"/>
      <c r="AP66" s="407"/>
      <c r="AQ66" s="373"/>
      <c r="AR66" s="373"/>
      <c r="AS66" s="373"/>
      <c r="AT66" s="408"/>
      <c r="AU66" s="407"/>
      <c r="AV66" s="373"/>
      <c r="AW66" s="373"/>
      <c r="AX66" s="373"/>
      <c r="AY66" s="408"/>
      <c r="AZ66" s="407"/>
      <c r="BA66" s="373"/>
      <c r="BB66" s="373"/>
      <c r="BC66" s="373"/>
      <c r="BD66" s="408"/>
      <c r="BE66" s="407"/>
      <c r="BF66" s="373"/>
      <c r="BG66" s="373"/>
      <c r="BH66" s="373"/>
      <c r="BI66" s="408"/>
      <c r="BJ66" s="407"/>
      <c r="BK66" s="373"/>
      <c r="BL66" s="373"/>
      <c r="BM66" s="373"/>
      <c r="BN66" s="408"/>
      <c r="BQ66" s="188"/>
      <c r="BR66" s="188"/>
      <c r="BS66" s="188"/>
      <c r="BT66" s="188"/>
      <c r="BW66" s="188"/>
      <c r="BX66" s="188"/>
      <c r="BY66" s="188"/>
      <c r="BZ66" s="188"/>
      <c r="CC66" s="188"/>
    </row>
    <row r="67" spans="4:81" ht="22.5" customHeight="1">
      <c r="D67" s="329"/>
      <c r="E67" s="275"/>
      <c r="F67" s="275"/>
      <c r="G67" s="275"/>
      <c r="H67" s="374"/>
      <c r="I67" s="404"/>
      <c r="J67" s="405"/>
      <c r="K67" s="405"/>
      <c r="L67" s="405"/>
      <c r="M67" s="405"/>
      <c r="N67" s="405"/>
      <c r="O67" s="405"/>
      <c r="P67" s="405"/>
      <c r="Q67" s="405"/>
      <c r="R67" s="405"/>
      <c r="S67" s="405"/>
      <c r="T67" s="405"/>
      <c r="U67" s="406"/>
      <c r="V67" s="412" t="s">
        <v>277</v>
      </c>
      <c r="W67" s="339"/>
      <c r="X67" s="339"/>
      <c r="Y67" s="339"/>
      <c r="Z67" s="413"/>
      <c r="AA67" s="412" t="s">
        <v>277</v>
      </c>
      <c r="AB67" s="339"/>
      <c r="AC67" s="339"/>
      <c r="AD67" s="339"/>
      <c r="AE67" s="413"/>
      <c r="AF67" s="412" t="s">
        <v>277</v>
      </c>
      <c r="AG67" s="339"/>
      <c r="AH67" s="339"/>
      <c r="AI67" s="339"/>
      <c r="AJ67" s="413"/>
      <c r="AK67" s="412" t="s">
        <v>277</v>
      </c>
      <c r="AL67" s="339"/>
      <c r="AM67" s="339"/>
      <c r="AN67" s="339"/>
      <c r="AO67" s="413"/>
      <c r="AP67" s="412" t="s">
        <v>277</v>
      </c>
      <c r="AQ67" s="339"/>
      <c r="AR67" s="339"/>
      <c r="AS67" s="339"/>
      <c r="AT67" s="413"/>
      <c r="AU67" s="412" t="s">
        <v>277</v>
      </c>
      <c r="AV67" s="339"/>
      <c r="AW67" s="339"/>
      <c r="AX67" s="339"/>
      <c r="AY67" s="413"/>
      <c r="AZ67" s="412" t="s">
        <v>277</v>
      </c>
      <c r="BA67" s="339"/>
      <c r="BB67" s="339"/>
      <c r="BC67" s="339"/>
      <c r="BD67" s="413"/>
      <c r="BE67" s="412" t="s">
        <v>277</v>
      </c>
      <c r="BF67" s="339"/>
      <c r="BG67" s="339"/>
      <c r="BH67" s="339"/>
      <c r="BI67" s="413"/>
      <c r="BJ67" s="412" t="s">
        <v>277</v>
      </c>
      <c r="BK67" s="339"/>
      <c r="BL67" s="339"/>
      <c r="BM67" s="339"/>
      <c r="BN67" s="413"/>
      <c r="BQ67" s="188"/>
      <c r="BR67" s="188"/>
      <c r="BS67" s="188"/>
      <c r="BT67" s="188"/>
      <c r="BW67" s="188"/>
      <c r="BX67" s="188"/>
      <c r="BY67" s="188"/>
      <c r="BZ67" s="188"/>
      <c r="CC67" s="188"/>
    </row>
    <row r="68" spans="4:81" ht="22.5" customHeight="1">
      <c r="D68" s="371" t="s">
        <v>108</v>
      </c>
      <c r="E68" s="277"/>
      <c r="F68" s="277"/>
      <c r="G68" s="277"/>
      <c r="H68" s="372"/>
      <c r="I68" s="401" t="s">
        <v>104</v>
      </c>
      <c r="J68" s="402"/>
      <c r="K68" s="402"/>
      <c r="L68" s="402"/>
      <c r="M68" s="402"/>
      <c r="N68" s="402"/>
      <c r="O68" s="402"/>
      <c r="P68" s="402"/>
      <c r="Q68" s="402"/>
      <c r="R68" s="402"/>
      <c r="S68" s="402"/>
      <c r="T68" s="402"/>
      <c r="U68" s="403"/>
      <c r="V68" s="407"/>
      <c r="W68" s="373"/>
      <c r="X68" s="373"/>
      <c r="Y68" s="373"/>
      <c r="Z68" s="408"/>
      <c r="AA68" s="407"/>
      <c r="AB68" s="373"/>
      <c r="AC68" s="373"/>
      <c r="AD68" s="373"/>
      <c r="AE68" s="408"/>
      <c r="AF68" s="407"/>
      <c r="AG68" s="373"/>
      <c r="AH68" s="373"/>
      <c r="AI68" s="373"/>
      <c r="AJ68" s="408"/>
      <c r="AK68" s="407"/>
      <c r="AL68" s="373"/>
      <c r="AM68" s="373"/>
      <c r="AN68" s="373"/>
      <c r="AO68" s="408"/>
      <c r="AP68" s="407"/>
      <c r="AQ68" s="373"/>
      <c r="AR68" s="373"/>
      <c r="AS68" s="373"/>
      <c r="AT68" s="408"/>
      <c r="AU68" s="407"/>
      <c r="AV68" s="373"/>
      <c r="AW68" s="373"/>
      <c r="AX68" s="373"/>
      <c r="AY68" s="408"/>
      <c r="AZ68" s="407"/>
      <c r="BA68" s="373"/>
      <c r="BB68" s="373"/>
      <c r="BC68" s="373"/>
      <c r="BD68" s="408"/>
      <c r="BE68" s="407"/>
      <c r="BF68" s="373"/>
      <c r="BG68" s="373"/>
      <c r="BH68" s="373"/>
      <c r="BI68" s="408"/>
      <c r="BJ68" s="407"/>
      <c r="BK68" s="373"/>
      <c r="BL68" s="373"/>
      <c r="BM68" s="373"/>
      <c r="BN68" s="408"/>
      <c r="BQ68" s="188"/>
      <c r="BR68" s="188"/>
      <c r="BS68" s="188"/>
      <c r="BT68" s="188"/>
      <c r="BW68" s="188"/>
      <c r="BX68" s="188"/>
      <c r="BY68" s="188"/>
      <c r="BZ68" s="188"/>
      <c r="CC68" s="188"/>
    </row>
    <row r="69" spans="4:81" ht="22.5" customHeight="1">
      <c r="D69" s="329"/>
      <c r="E69" s="275"/>
      <c r="F69" s="275"/>
      <c r="G69" s="275"/>
      <c r="H69" s="374"/>
      <c r="I69" s="404"/>
      <c r="J69" s="405"/>
      <c r="K69" s="405"/>
      <c r="L69" s="405"/>
      <c r="M69" s="405"/>
      <c r="N69" s="405"/>
      <c r="O69" s="405"/>
      <c r="P69" s="405"/>
      <c r="Q69" s="405"/>
      <c r="R69" s="405"/>
      <c r="S69" s="405"/>
      <c r="T69" s="405"/>
      <c r="U69" s="406"/>
      <c r="V69" s="412" t="s">
        <v>277</v>
      </c>
      <c r="W69" s="339"/>
      <c r="X69" s="339"/>
      <c r="Y69" s="339"/>
      <c r="Z69" s="413"/>
      <c r="AA69" s="412" t="s">
        <v>277</v>
      </c>
      <c r="AB69" s="339"/>
      <c r="AC69" s="339"/>
      <c r="AD69" s="339"/>
      <c r="AE69" s="413"/>
      <c r="AF69" s="412" t="s">
        <v>277</v>
      </c>
      <c r="AG69" s="339"/>
      <c r="AH69" s="339"/>
      <c r="AI69" s="339"/>
      <c r="AJ69" s="413"/>
      <c r="AK69" s="412" t="s">
        <v>277</v>
      </c>
      <c r="AL69" s="339"/>
      <c r="AM69" s="339"/>
      <c r="AN69" s="339"/>
      <c r="AO69" s="413"/>
      <c r="AP69" s="412" t="s">
        <v>277</v>
      </c>
      <c r="AQ69" s="339"/>
      <c r="AR69" s="339"/>
      <c r="AS69" s="339"/>
      <c r="AT69" s="413"/>
      <c r="AU69" s="412" t="s">
        <v>277</v>
      </c>
      <c r="AV69" s="339"/>
      <c r="AW69" s="339"/>
      <c r="AX69" s="339"/>
      <c r="AY69" s="413"/>
      <c r="AZ69" s="412" t="s">
        <v>277</v>
      </c>
      <c r="BA69" s="339"/>
      <c r="BB69" s="339"/>
      <c r="BC69" s="339"/>
      <c r="BD69" s="413"/>
      <c r="BE69" s="412" t="s">
        <v>277</v>
      </c>
      <c r="BF69" s="339"/>
      <c r="BG69" s="339"/>
      <c r="BH69" s="339"/>
      <c r="BI69" s="413"/>
      <c r="BJ69" s="412" t="s">
        <v>277</v>
      </c>
      <c r="BK69" s="339"/>
      <c r="BL69" s="339"/>
      <c r="BM69" s="339"/>
      <c r="BN69" s="413"/>
      <c r="BQ69" s="188"/>
      <c r="BR69" s="188"/>
      <c r="BS69" s="188"/>
      <c r="BT69" s="188"/>
      <c r="BW69" s="188"/>
      <c r="BX69" s="188"/>
      <c r="BY69" s="188"/>
      <c r="BZ69" s="188"/>
      <c r="CC69" s="188"/>
    </row>
    <row r="70" spans="4:81" ht="22.5" customHeight="1">
      <c r="D70" s="371" t="s">
        <v>109</v>
      </c>
      <c r="E70" s="277"/>
      <c r="F70" s="277"/>
      <c r="G70" s="277"/>
      <c r="H70" s="372"/>
      <c r="I70" s="401" t="s">
        <v>112</v>
      </c>
      <c r="J70" s="402"/>
      <c r="K70" s="402"/>
      <c r="L70" s="402"/>
      <c r="M70" s="402"/>
      <c r="N70" s="402"/>
      <c r="O70" s="402"/>
      <c r="P70" s="402"/>
      <c r="Q70" s="402"/>
      <c r="R70" s="402"/>
      <c r="S70" s="402"/>
      <c r="T70" s="402"/>
      <c r="U70" s="403"/>
      <c r="V70" s="407"/>
      <c r="W70" s="373"/>
      <c r="X70" s="373"/>
      <c r="Y70" s="373"/>
      <c r="Z70" s="408"/>
      <c r="AA70" s="407"/>
      <c r="AB70" s="373"/>
      <c r="AC70" s="373"/>
      <c r="AD70" s="373"/>
      <c r="AE70" s="408"/>
      <c r="AF70" s="407"/>
      <c r="AG70" s="373"/>
      <c r="AH70" s="373"/>
      <c r="AI70" s="373"/>
      <c r="AJ70" s="408"/>
      <c r="AK70" s="407"/>
      <c r="AL70" s="373"/>
      <c r="AM70" s="373"/>
      <c r="AN70" s="373"/>
      <c r="AO70" s="408"/>
      <c r="AP70" s="407"/>
      <c r="AQ70" s="373"/>
      <c r="AR70" s="373"/>
      <c r="AS70" s="373"/>
      <c r="AT70" s="408"/>
      <c r="AU70" s="407"/>
      <c r="AV70" s="373"/>
      <c r="AW70" s="373"/>
      <c r="AX70" s="373"/>
      <c r="AY70" s="408"/>
      <c r="AZ70" s="407"/>
      <c r="BA70" s="373"/>
      <c r="BB70" s="373"/>
      <c r="BC70" s="373"/>
      <c r="BD70" s="408"/>
      <c r="BE70" s="407"/>
      <c r="BF70" s="373"/>
      <c r="BG70" s="373"/>
      <c r="BH70" s="373"/>
      <c r="BI70" s="408"/>
      <c r="BJ70" s="407"/>
      <c r="BK70" s="373"/>
      <c r="BL70" s="373"/>
      <c r="BM70" s="373"/>
      <c r="BN70" s="408"/>
      <c r="BQ70" s="188"/>
      <c r="BR70" s="188"/>
      <c r="BS70" s="188"/>
      <c r="BT70" s="188"/>
      <c r="BW70" s="188"/>
      <c r="BX70" s="188"/>
      <c r="BY70" s="188"/>
      <c r="BZ70" s="188"/>
      <c r="CC70" s="188"/>
    </row>
    <row r="71" spans="4:81" ht="22.5" customHeight="1">
      <c r="D71" s="329"/>
      <c r="E71" s="275"/>
      <c r="F71" s="275"/>
      <c r="G71" s="275"/>
      <c r="H71" s="374"/>
      <c r="I71" s="404"/>
      <c r="J71" s="405"/>
      <c r="K71" s="405"/>
      <c r="L71" s="405"/>
      <c r="M71" s="405"/>
      <c r="N71" s="405"/>
      <c r="O71" s="405"/>
      <c r="P71" s="405"/>
      <c r="Q71" s="405"/>
      <c r="R71" s="405"/>
      <c r="S71" s="405"/>
      <c r="T71" s="405"/>
      <c r="U71" s="406"/>
      <c r="V71" s="412" t="s">
        <v>277</v>
      </c>
      <c r="W71" s="339"/>
      <c r="X71" s="339"/>
      <c r="Y71" s="339"/>
      <c r="Z71" s="413"/>
      <c r="AA71" s="412" t="s">
        <v>277</v>
      </c>
      <c r="AB71" s="339"/>
      <c r="AC71" s="339"/>
      <c r="AD71" s="339"/>
      <c r="AE71" s="413"/>
      <c r="AF71" s="412" t="s">
        <v>277</v>
      </c>
      <c r="AG71" s="339"/>
      <c r="AH71" s="339"/>
      <c r="AI71" s="339"/>
      <c r="AJ71" s="413"/>
      <c r="AK71" s="412" t="s">
        <v>277</v>
      </c>
      <c r="AL71" s="339"/>
      <c r="AM71" s="339"/>
      <c r="AN71" s="339"/>
      <c r="AO71" s="413"/>
      <c r="AP71" s="412" t="s">
        <v>277</v>
      </c>
      <c r="AQ71" s="339"/>
      <c r="AR71" s="339"/>
      <c r="AS71" s="339"/>
      <c r="AT71" s="413"/>
      <c r="AU71" s="412" t="s">
        <v>277</v>
      </c>
      <c r="AV71" s="339"/>
      <c r="AW71" s="339"/>
      <c r="AX71" s="339"/>
      <c r="AY71" s="413"/>
      <c r="AZ71" s="412" t="s">
        <v>277</v>
      </c>
      <c r="BA71" s="339"/>
      <c r="BB71" s="339"/>
      <c r="BC71" s="339"/>
      <c r="BD71" s="413"/>
      <c r="BE71" s="412" t="s">
        <v>277</v>
      </c>
      <c r="BF71" s="339"/>
      <c r="BG71" s="339"/>
      <c r="BH71" s="339"/>
      <c r="BI71" s="413"/>
      <c r="BJ71" s="412" t="s">
        <v>277</v>
      </c>
      <c r="BK71" s="339"/>
      <c r="BL71" s="339"/>
      <c r="BM71" s="339"/>
      <c r="BN71" s="413"/>
      <c r="BQ71" s="188"/>
      <c r="BR71" s="188"/>
      <c r="BS71" s="188"/>
      <c r="BT71" s="188"/>
      <c r="BW71" s="188"/>
      <c r="BX71" s="188"/>
      <c r="BY71" s="188"/>
      <c r="BZ71" s="188"/>
      <c r="CC71" s="188"/>
    </row>
    <row r="72" spans="4:81" ht="22.5" customHeight="1">
      <c r="D72" s="371" t="s">
        <v>105</v>
      </c>
      <c r="E72" s="277"/>
      <c r="F72" s="277"/>
      <c r="G72" s="277"/>
      <c r="H72" s="372"/>
      <c r="I72" s="401" t="s">
        <v>113</v>
      </c>
      <c r="J72" s="402"/>
      <c r="K72" s="402"/>
      <c r="L72" s="402"/>
      <c r="M72" s="402"/>
      <c r="N72" s="402"/>
      <c r="O72" s="402"/>
      <c r="P72" s="402"/>
      <c r="Q72" s="402"/>
      <c r="R72" s="402"/>
      <c r="S72" s="402"/>
      <c r="T72" s="402"/>
      <c r="U72" s="403"/>
      <c r="V72" s="407"/>
      <c r="W72" s="373"/>
      <c r="X72" s="373"/>
      <c r="Y72" s="373"/>
      <c r="Z72" s="408"/>
      <c r="AA72" s="407"/>
      <c r="AB72" s="373"/>
      <c r="AC72" s="373"/>
      <c r="AD72" s="373"/>
      <c r="AE72" s="408"/>
      <c r="AF72" s="407"/>
      <c r="AG72" s="373"/>
      <c r="AH72" s="373"/>
      <c r="AI72" s="373"/>
      <c r="AJ72" s="408"/>
      <c r="AK72" s="407"/>
      <c r="AL72" s="373"/>
      <c r="AM72" s="373"/>
      <c r="AN72" s="373"/>
      <c r="AO72" s="408"/>
      <c r="AP72" s="407"/>
      <c r="AQ72" s="373"/>
      <c r="AR72" s="373"/>
      <c r="AS72" s="373"/>
      <c r="AT72" s="408"/>
      <c r="AU72" s="407"/>
      <c r="AV72" s="373"/>
      <c r="AW72" s="373"/>
      <c r="AX72" s="373"/>
      <c r="AY72" s="408"/>
      <c r="AZ72" s="407"/>
      <c r="BA72" s="373"/>
      <c r="BB72" s="373"/>
      <c r="BC72" s="373"/>
      <c r="BD72" s="408"/>
      <c r="BE72" s="407"/>
      <c r="BF72" s="373"/>
      <c r="BG72" s="373"/>
      <c r="BH72" s="373"/>
      <c r="BI72" s="408"/>
      <c r="BJ72" s="407"/>
      <c r="BK72" s="373"/>
      <c r="BL72" s="373"/>
      <c r="BM72" s="373"/>
      <c r="BN72" s="408"/>
      <c r="BO72" s="260"/>
      <c r="BP72" s="260"/>
      <c r="BQ72" s="260"/>
      <c r="BR72" s="260"/>
      <c r="BS72" s="260"/>
      <c r="BT72" s="260"/>
      <c r="BU72" s="260"/>
    </row>
    <row r="73" spans="4:81" ht="22.5" customHeight="1">
      <c r="D73" s="329"/>
      <c r="E73" s="275"/>
      <c r="F73" s="275"/>
      <c r="G73" s="275"/>
      <c r="H73" s="374"/>
      <c r="I73" s="404"/>
      <c r="J73" s="405"/>
      <c r="K73" s="405"/>
      <c r="L73" s="405"/>
      <c r="M73" s="405"/>
      <c r="N73" s="405"/>
      <c r="O73" s="405"/>
      <c r="P73" s="405"/>
      <c r="Q73" s="405"/>
      <c r="R73" s="405"/>
      <c r="S73" s="405"/>
      <c r="T73" s="405"/>
      <c r="U73" s="406"/>
      <c r="V73" s="412" t="s">
        <v>277</v>
      </c>
      <c r="W73" s="339"/>
      <c r="X73" s="339"/>
      <c r="Y73" s="339"/>
      <c r="Z73" s="413"/>
      <c r="AA73" s="412" t="s">
        <v>277</v>
      </c>
      <c r="AB73" s="339"/>
      <c r="AC73" s="339"/>
      <c r="AD73" s="339"/>
      <c r="AE73" s="413"/>
      <c r="AF73" s="412" t="s">
        <v>277</v>
      </c>
      <c r="AG73" s="339"/>
      <c r="AH73" s="339"/>
      <c r="AI73" s="339"/>
      <c r="AJ73" s="413"/>
      <c r="AK73" s="412" t="s">
        <v>277</v>
      </c>
      <c r="AL73" s="339"/>
      <c r="AM73" s="339"/>
      <c r="AN73" s="339"/>
      <c r="AO73" s="413"/>
      <c r="AP73" s="412" t="s">
        <v>277</v>
      </c>
      <c r="AQ73" s="339"/>
      <c r="AR73" s="339"/>
      <c r="AS73" s="339"/>
      <c r="AT73" s="413"/>
      <c r="AU73" s="412" t="s">
        <v>277</v>
      </c>
      <c r="AV73" s="339"/>
      <c r="AW73" s="339"/>
      <c r="AX73" s="339"/>
      <c r="AY73" s="413"/>
      <c r="AZ73" s="412" t="s">
        <v>277</v>
      </c>
      <c r="BA73" s="339"/>
      <c r="BB73" s="339"/>
      <c r="BC73" s="339"/>
      <c r="BD73" s="413"/>
      <c r="BE73" s="412" t="s">
        <v>277</v>
      </c>
      <c r="BF73" s="339"/>
      <c r="BG73" s="339"/>
      <c r="BH73" s="339"/>
      <c r="BI73" s="413"/>
      <c r="BJ73" s="412" t="s">
        <v>277</v>
      </c>
      <c r="BK73" s="339"/>
      <c r="BL73" s="339"/>
      <c r="BM73" s="339"/>
      <c r="BN73" s="413"/>
      <c r="BO73" s="260"/>
      <c r="BP73" s="260"/>
      <c r="BQ73" s="260"/>
      <c r="BR73" s="260"/>
      <c r="BS73" s="260"/>
      <c r="BT73" s="260"/>
      <c r="BU73" s="260"/>
    </row>
    <row r="74" spans="4:81" ht="22.5" customHeight="1">
      <c r="D74" s="371" t="s">
        <v>56</v>
      </c>
      <c r="E74" s="277"/>
      <c r="F74" s="277"/>
      <c r="G74" s="277"/>
      <c r="H74" s="277"/>
      <c r="I74" s="277"/>
      <c r="J74" s="277"/>
      <c r="K74" s="277"/>
      <c r="L74" s="277"/>
      <c r="M74" s="277"/>
      <c r="N74" s="277"/>
      <c r="O74" s="277"/>
      <c r="P74" s="277"/>
      <c r="Q74" s="277"/>
      <c r="R74" s="277"/>
      <c r="S74" s="277"/>
      <c r="T74" s="277"/>
      <c r="U74" s="372"/>
      <c r="V74" s="407"/>
      <c r="W74" s="373"/>
      <c r="X74" s="373"/>
      <c r="Y74" s="373"/>
      <c r="Z74" s="408"/>
      <c r="AA74" s="407"/>
      <c r="AB74" s="373"/>
      <c r="AC74" s="373"/>
      <c r="AD74" s="373"/>
      <c r="AE74" s="408"/>
      <c r="AF74" s="407"/>
      <c r="AG74" s="373"/>
      <c r="AH74" s="373"/>
      <c r="AI74" s="373"/>
      <c r="AJ74" s="408"/>
      <c r="AK74" s="407"/>
      <c r="AL74" s="373"/>
      <c r="AM74" s="373"/>
      <c r="AN74" s="373"/>
      <c r="AO74" s="408"/>
      <c r="AP74" s="407"/>
      <c r="AQ74" s="373"/>
      <c r="AR74" s="373"/>
      <c r="AS74" s="373"/>
      <c r="AT74" s="408"/>
      <c r="AU74" s="407"/>
      <c r="AV74" s="373"/>
      <c r="AW74" s="373"/>
      <c r="AX74" s="373"/>
      <c r="AY74" s="408"/>
      <c r="AZ74" s="407"/>
      <c r="BA74" s="373"/>
      <c r="BB74" s="373"/>
      <c r="BC74" s="373"/>
      <c r="BD74" s="408"/>
      <c r="BE74" s="407"/>
      <c r="BF74" s="373"/>
      <c r="BG74" s="373"/>
      <c r="BH74" s="373"/>
      <c r="BI74" s="408"/>
      <c r="BJ74" s="407"/>
      <c r="BK74" s="373"/>
      <c r="BL74" s="373"/>
      <c r="BM74" s="373"/>
      <c r="BN74" s="408"/>
      <c r="BO74" s="200"/>
      <c r="BP74" s="200"/>
      <c r="BQ74" s="200"/>
      <c r="BR74" s="200"/>
      <c r="BS74" s="200"/>
      <c r="BT74" s="260"/>
      <c r="BU74" s="260"/>
    </row>
    <row r="75" spans="4:81" ht="22.5" customHeight="1">
      <c r="D75" s="329"/>
      <c r="E75" s="275"/>
      <c r="F75" s="275"/>
      <c r="G75" s="275"/>
      <c r="H75" s="275"/>
      <c r="I75" s="275"/>
      <c r="J75" s="275"/>
      <c r="K75" s="275"/>
      <c r="L75" s="275"/>
      <c r="M75" s="275"/>
      <c r="N75" s="275"/>
      <c r="O75" s="275"/>
      <c r="P75" s="275"/>
      <c r="Q75" s="275"/>
      <c r="R75" s="275"/>
      <c r="S75" s="275"/>
      <c r="T75" s="275"/>
      <c r="U75" s="374"/>
      <c r="V75" s="412" t="s">
        <v>277</v>
      </c>
      <c r="W75" s="339"/>
      <c r="X75" s="339"/>
      <c r="Y75" s="339"/>
      <c r="Z75" s="413"/>
      <c r="AA75" s="412" t="s">
        <v>277</v>
      </c>
      <c r="AB75" s="339"/>
      <c r="AC75" s="339"/>
      <c r="AD75" s="339"/>
      <c r="AE75" s="413"/>
      <c r="AF75" s="412" t="s">
        <v>277</v>
      </c>
      <c r="AG75" s="339"/>
      <c r="AH75" s="339"/>
      <c r="AI75" s="339"/>
      <c r="AJ75" s="413"/>
      <c r="AK75" s="412" t="s">
        <v>277</v>
      </c>
      <c r="AL75" s="339"/>
      <c r="AM75" s="339"/>
      <c r="AN75" s="339"/>
      <c r="AO75" s="413"/>
      <c r="AP75" s="412" t="s">
        <v>277</v>
      </c>
      <c r="AQ75" s="339"/>
      <c r="AR75" s="339"/>
      <c r="AS75" s="339"/>
      <c r="AT75" s="413"/>
      <c r="AU75" s="412" t="s">
        <v>277</v>
      </c>
      <c r="AV75" s="339"/>
      <c r="AW75" s="339"/>
      <c r="AX75" s="339"/>
      <c r="AY75" s="413"/>
      <c r="AZ75" s="412" t="s">
        <v>277</v>
      </c>
      <c r="BA75" s="339"/>
      <c r="BB75" s="339"/>
      <c r="BC75" s="339"/>
      <c r="BD75" s="413"/>
      <c r="BE75" s="412" t="s">
        <v>277</v>
      </c>
      <c r="BF75" s="339"/>
      <c r="BG75" s="339"/>
      <c r="BH75" s="339"/>
      <c r="BI75" s="413"/>
      <c r="BJ75" s="412" t="s">
        <v>277</v>
      </c>
      <c r="BK75" s="339"/>
      <c r="BL75" s="339"/>
      <c r="BM75" s="339"/>
      <c r="BN75" s="413"/>
      <c r="BO75" s="200"/>
      <c r="BP75" s="200"/>
      <c r="BQ75" s="200"/>
      <c r="BR75" s="200"/>
      <c r="BS75" s="200"/>
      <c r="BT75" s="260"/>
      <c r="BU75" s="260"/>
    </row>
    <row r="76" spans="4:81" ht="20.100000000000001" customHeight="1">
      <c r="D76" s="60"/>
      <c r="E76" s="61" t="s">
        <v>114</v>
      </c>
      <c r="F76" s="219"/>
      <c r="G76" s="219"/>
      <c r="H76" s="219"/>
      <c r="I76" s="219"/>
      <c r="J76" s="219"/>
      <c r="K76" s="219"/>
      <c r="L76" s="219"/>
      <c r="M76" s="219"/>
      <c r="N76" s="219"/>
      <c r="O76" s="219"/>
      <c r="P76" s="219"/>
      <c r="Q76" s="219"/>
      <c r="R76" s="219"/>
      <c r="S76" s="219"/>
      <c r="T76" s="219"/>
      <c r="U76" s="219"/>
      <c r="V76" s="219"/>
      <c r="W76" s="219"/>
      <c r="X76" s="232"/>
      <c r="Y76" s="232"/>
      <c r="Z76" s="232"/>
      <c r="AA76" s="232"/>
      <c r="AB76" s="232"/>
      <c r="AC76" s="232"/>
      <c r="AD76" s="232"/>
      <c r="AE76" s="232"/>
      <c r="AF76" s="232"/>
      <c r="AG76" s="232"/>
      <c r="AH76" s="232"/>
      <c r="AI76" s="232"/>
      <c r="AJ76" s="232"/>
      <c r="AK76" s="232"/>
      <c r="AL76" s="232"/>
      <c r="AM76" s="232"/>
      <c r="AN76" s="232"/>
      <c r="AO76" s="232"/>
      <c r="AP76" s="232"/>
      <c r="AQ76" s="232"/>
      <c r="AR76" s="232"/>
      <c r="AS76" s="232"/>
      <c r="AT76" s="232"/>
      <c r="AU76" s="232"/>
      <c r="AV76" s="232"/>
      <c r="AW76" s="232"/>
      <c r="AX76" s="232"/>
      <c r="AY76" s="232"/>
      <c r="AZ76" s="232"/>
      <c r="BA76" s="232"/>
      <c r="BB76" s="232"/>
      <c r="BC76" s="232"/>
      <c r="BD76" s="232"/>
      <c r="BE76" s="232"/>
      <c r="BF76" s="232"/>
      <c r="BG76" s="232"/>
      <c r="BH76" s="232"/>
      <c r="BI76" s="244"/>
      <c r="BJ76" s="244"/>
      <c r="BK76" s="244"/>
      <c r="BL76" s="244"/>
      <c r="BM76" s="244"/>
      <c r="BN76" s="42"/>
      <c r="BO76" s="260"/>
    </row>
    <row r="77" spans="4:81" ht="13.5" customHeight="1">
      <c r="M77" s="260"/>
      <c r="N77" s="260"/>
      <c r="O77" s="260"/>
      <c r="P77" s="260"/>
      <c r="Q77" s="260"/>
      <c r="R77" s="260"/>
      <c r="S77" s="260"/>
      <c r="T77" s="260"/>
      <c r="U77" s="260"/>
      <c r="V77" s="260"/>
      <c r="W77" s="260"/>
      <c r="X77" s="260"/>
      <c r="Y77" s="260"/>
      <c r="Z77" s="260"/>
      <c r="AA77" s="260"/>
      <c r="AB77" s="260"/>
      <c r="AC77" s="260"/>
      <c r="AD77" s="260"/>
      <c r="AE77" s="260"/>
      <c r="AF77" s="260"/>
      <c r="AG77" s="260"/>
      <c r="AH77" s="260"/>
      <c r="AI77" s="260"/>
      <c r="AJ77" s="260"/>
      <c r="AK77" s="260"/>
      <c r="AL77" s="36"/>
      <c r="AM77" s="36"/>
      <c r="AN77" s="36"/>
      <c r="AO77" s="249"/>
      <c r="AP77" s="249"/>
      <c r="AQ77" s="36"/>
      <c r="AR77" s="36"/>
      <c r="AS77" s="36"/>
      <c r="AT77" s="36"/>
      <c r="AU77" s="36"/>
      <c r="AV77" s="36"/>
      <c r="AW77" s="36"/>
      <c r="AX77" s="36"/>
      <c r="AY77" s="36"/>
      <c r="AZ77" s="36"/>
      <c r="BA77" s="36"/>
      <c r="BB77" s="36"/>
      <c r="BC77" s="36"/>
      <c r="BD77" s="36"/>
      <c r="BE77" s="36"/>
      <c r="BF77" s="36"/>
      <c r="BG77" s="36"/>
      <c r="BH77" s="36"/>
      <c r="BI77" s="260"/>
      <c r="BJ77" s="260"/>
      <c r="BK77" s="260"/>
      <c r="BL77" s="260"/>
      <c r="BM77" s="260"/>
      <c r="BN77" s="260"/>
      <c r="BO77" s="260"/>
      <c r="BP77" s="260"/>
      <c r="BQ77" s="260"/>
      <c r="BR77" s="260"/>
      <c r="BS77" s="260"/>
      <c r="BT77" s="260"/>
      <c r="BU77" s="260"/>
      <c r="BV77" s="260"/>
      <c r="BW77" s="260"/>
    </row>
    <row r="78" spans="4:81" ht="13.5" customHeight="1">
      <c r="M78" s="260"/>
      <c r="N78" s="260"/>
      <c r="O78" s="260"/>
      <c r="P78" s="260"/>
      <c r="Q78" s="260"/>
      <c r="R78" s="260"/>
      <c r="S78" s="260"/>
      <c r="T78" s="260"/>
      <c r="U78" s="260"/>
      <c r="V78" s="260"/>
      <c r="W78" s="260"/>
      <c r="X78" s="260"/>
      <c r="Y78" s="260"/>
      <c r="Z78" s="260"/>
      <c r="AA78" s="260"/>
      <c r="AB78" s="260"/>
      <c r="AC78" s="260"/>
      <c r="AD78" s="260"/>
      <c r="AE78" s="260"/>
      <c r="AF78" s="260"/>
      <c r="AG78" s="260"/>
      <c r="AH78" s="260"/>
      <c r="AI78" s="260"/>
      <c r="AJ78" s="260"/>
      <c r="AK78" s="260"/>
      <c r="AL78" s="30"/>
      <c r="AM78" s="30"/>
      <c r="AN78" s="30"/>
      <c r="AO78" s="251"/>
      <c r="AP78" s="251"/>
      <c r="AQ78" s="30"/>
      <c r="AR78" s="30"/>
      <c r="AS78" s="30"/>
      <c r="AT78" s="30"/>
      <c r="AU78" s="30"/>
      <c r="AV78" s="30"/>
      <c r="AW78" s="30"/>
      <c r="AX78" s="30"/>
      <c r="AY78" s="30"/>
      <c r="AZ78" s="30"/>
      <c r="BA78" s="30"/>
      <c r="BB78" s="30"/>
      <c r="BC78" s="30"/>
      <c r="BD78" s="30"/>
      <c r="BE78" s="30"/>
      <c r="BF78" s="30"/>
      <c r="BG78" s="30"/>
      <c r="BH78" s="30"/>
      <c r="BI78" s="260"/>
      <c r="BJ78" s="260"/>
      <c r="BK78" s="260"/>
      <c r="BL78" s="260"/>
      <c r="BM78" s="260"/>
      <c r="BN78" s="260"/>
      <c r="BO78" s="260"/>
      <c r="BP78" s="260"/>
      <c r="BQ78" s="260"/>
      <c r="BR78" s="260"/>
      <c r="BS78" s="260"/>
      <c r="BT78" s="260"/>
      <c r="BU78" s="260"/>
      <c r="BV78" s="260"/>
      <c r="BW78" s="260"/>
    </row>
    <row r="79" spans="4:81" ht="51.75" customHeight="1">
      <c r="D79" s="409"/>
      <c r="E79" s="410"/>
      <c r="F79" s="410"/>
      <c r="G79" s="410"/>
      <c r="H79" s="410"/>
      <c r="I79" s="410"/>
      <c r="J79" s="410"/>
      <c r="K79" s="410"/>
      <c r="L79" s="411"/>
      <c r="M79" s="37"/>
      <c r="N79" s="38"/>
      <c r="O79" s="38"/>
      <c r="P79" s="38"/>
      <c r="Q79" s="38"/>
      <c r="R79" s="38"/>
      <c r="S79" s="38"/>
      <c r="T79" s="38"/>
      <c r="U79" s="38"/>
      <c r="V79" s="414" t="s">
        <v>52</v>
      </c>
      <c r="W79" s="415"/>
      <c r="X79" s="415"/>
      <c r="Y79" s="415"/>
      <c r="Z79" s="416"/>
      <c r="AA79" s="414" t="s">
        <v>53</v>
      </c>
      <c r="AB79" s="415"/>
      <c r="AC79" s="415"/>
      <c r="AD79" s="415"/>
      <c r="AE79" s="416"/>
      <c r="AF79" s="414" t="s">
        <v>54</v>
      </c>
      <c r="AG79" s="415"/>
      <c r="AH79" s="415"/>
      <c r="AI79" s="415"/>
      <c r="AJ79" s="416"/>
      <c r="AK79" s="414" t="s">
        <v>55</v>
      </c>
      <c r="AL79" s="415"/>
      <c r="AM79" s="415"/>
      <c r="AN79" s="415"/>
      <c r="AO79" s="416"/>
      <c r="AP79" s="414" t="s">
        <v>274</v>
      </c>
      <c r="AQ79" s="415"/>
      <c r="AR79" s="415"/>
      <c r="AS79" s="415"/>
      <c r="AT79" s="416"/>
      <c r="AU79" s="414" t="s">
        <v>275</v>
      </c>
      <c r="AV79" s="415"/>
      <c r="AW79" s="415"/>
      <c r="AX79" s="415"/>
      <c r="AY79" s="416"/>
      <c r="AZ79" s="417" t="s">
        <v>278</v>
      </c>
      <c r="BA79" s="418"/>
      <c r="BB79" s="418"/>
      <c r="BC79" s="418"/>
      <c r="BD79" s="419"/>
      <c r="BE79" s="414" t="s">
        <v>57</v>
      </c>
      <c r="BF79" s="415"/>
      <c r="BG79" s="415"/>
      <c r="BH79" s="415"/>
      <c r="BI79" s="416"/>
      <c r="BJ79" s="414" t="s">
        <v>56</v>
      </c>
      <c r="BK79" s="415"/>
      <c r="BL79" s="415"/>
      <c r="BM79" s="415"/>
      <c r="BN79" s="416"/>
      <c r="BO79" s="260"/>
      <c r="BP79" s="260"/>
      <c r="BQ79" s="260"/>
      <c r="BR79" s="260"/>
      <c r="BS79" s="260"/>
      <c r="BT79" s="260"/>
      <c r="BU79" s="260"/>
      <c r="BV79" s="260"/>
      <c r="BW79" s="260"/>
    </row>
    <row r="80" spans="4:81" ht="30" customHeight="1">
      <c r="D80" s="401" t="s">
        <v>364</v>
      </c>
      <c r="E80" s="402"/>
      <c r="F80" s="402"/>
      <c r="G80" s="402"/>
      <c r="H80" s="402"/>
      <c r="I80" s="402"/>
      <c r="J80" s="402"/>
      <c r="K80" s="402"/>
      <c r="L80" s="403"/>
      <c r="M80" s="37" t="s">
        <v>122</v>
      </c>
      <c r="N80" s="38"/>
      <c r="O80" s="38"/>
      <c r="P80" s="38"/>
      <c r="Q80" s="38"/>
      <c r="R80" s="38"/>
      <c r="S80" s="38"/>
      <c r="T80" s="38"/>
      <c r="U80" s="38"/>
      <c r="V80" s="388"/>
      <c r="W80" s="389"/>
      <c r="X80" s="389"/>
      <c r="Y80" s="389"/>
      <c r="Z80" s="390"/>
      <c r="AA80" s="388"/>
      <c r="AB80" s="389"/>
      <c r="AC80" s="389"/>
      <c r="AD80" s="389"/>
      <c r="AE80" s="390"/>
      <c r="AF80" s="388"/>
      <c r="AG80" s="389"/>
      <c r="AH80" s="389"/>
      <c r="AI80" s="389"/>
      <c r="AJ80" s="390"/>
      <c r="AK80" s="388"/>
      <c r="AL80" s="389"/>
      <c r="AM80" s="389"/>
      <c r="AN80" s="389"/>
      <c r="AO80" s="390"/>
      <c r="AP80" s="388"/>
      <c r="AQ80" s="389"/>
      <c r="AR80" s="389"/>
      <c r="AS80" s="389"/>
      <c r="AT80" s="390"/>
      <c r="AU80" s="388"/>
      <c r="AV80" s="389"/>
      <c r="AW80" s="389"/>
      <c r="AX80" s="389"/>
      <c r="AY80" s="390"/>
      <c r="AZ80" s="388"/>
      <c r="BA80" s="389"/>
      <c r="BB80" s="389"/>
      <c r="BC80" s="389"/>
      <c r="BD80" s="390"/>
      <c r="BE80" s="388"/>
      <c r="BF80" s="389"/>
      <c r="BG80" s="389"/>
      <c r="BH80" s="389"/>
      <c r="BI80" s="390"/>
      <c r="BJ80" s="388"/>
      <c r="BK80" s="389"/>
      <c r="BL80" s="389"/>
      <c r="BM80" s="389"/>
      <c r="BN80" s="390"/>
      <c r="BO80" s="260"/>
      <c r="BP80" s="260"/>
      <c r="BQ80" s="260"/>
      <c r="BR80" s="260"/>
      <c r="BS80" s="260"/>
      <c r="BT80" s="260"/>
      <c r="BU80" s="260"/>
      <c r="BV80" s="260"/>
      <c r="BW80" s="260"/>
    </row>
    <row r="81" spans="4:75" ht="30" customHeight="1">
      <c r="D81" s="420"/>
      <c r="E81" s="347"/>
      <c r="F81" s="347"/>
      <c r="G81" s="347"/>
      <c r="H81" s="347"/>
      <c r="I81" s="347"/>
      <c r="J81" s="347"/>
      <c r="K81" s="347"/>
      <c r="L81" s="421"/>
      <c r="M81" s="37" t="s">
        <v>123</v>
      </c>
      <c r="N81" s="38"/>
      <c r="O81" s="38"/>
      <c r="P81" s="38"/>
      <c r="Q81" s="38"/>
      <c r="R81" s="38"/>
      <c r="S81" s="38"/>
      <c r="T81" s="38"/>
      <c r="U81" s="38"/>
      <c r="V81" s="388"/>
      <c r="W81" s="389"/>
      <c r="X81" s="389"/>
      <c r="Y81" s="389"/>
      <c r="Z81" s="390"/>
      <c r="AA81" s="388"/>
      <c r="AB81" s="389"/>
      <c r="AC81" s="389"/>
      <c r="AD81" s="389"/>
      <c r="AE81" s="390"/>
      <c r="AF81" s="388"/>
      <c r="AG81" s="389"/>
      <c r="AH81" s="389"/>
      <c r="AI81" s="389"/>
      <c r="AJ81" s="390"/>
      <c r="AK81" s="388"/>
      <c r="AL81" s="389"/>
      <c r="AM81" s="389"/>
      <c r="AN81" s="389"/>
      <c r="AO81" s="390"/>
      <c r="AP81" s="388"/>
      <c r="AQ81" s="389"/>
      <c r="AR81" s="389"/>
      <c r="AS81" s="389"/>
      <c r="AT81" s="390"/>
      <c r="AU81" s="388"/>
      <c r="AV81" s="389"/>
      <c r="AW81" s="389"/>
      <c r="AX81" s="389"/>
      <c r="AY81" s="390"/>
      <c r="AZ81" s="388"/>
      <c r="BA81" s="389"/>
      <c r="BB81" s="389"/>
      <c r="BC81" s="389"/>
      <c r="BD81" s="390"/>
      <c r="BE81" s="388"/>
      <c r="BF81" s="389"/>
      <c r="BG81" s="389"/>
      <c r="BH81" s="389"/>
      <c r="BI81" s="390"/>
      <c r="BJ81" s="388"/>
      <c r="BK81" s="389"/>
      <c r="BL81" s="389"/>
      <c r="BM81" s="389"/>
      <c r="BN81" s="390"/>
      <c r="BQ81" s="188"/>
      <c r="BR81" s="188"/>
      <c r="BS81" s="188"/>
      <c r="BT81" s="188"/>
      <c r="BW81" s="188"/>
    </row>
    <row r="82" spans="4:75" ht="30" customHeight="1">
      <c r="D82" s="420"/>
      <c r="E82" s="347"/>
      <c r="F82" s="347"/>
      <c r="G82" s="347"/>
      <c r="H82" s="347"/>
      <c r="I82" s="347"/>
      <c r="J82" s="347"/>
      <c r="K82" s="347"/>
      <c r="L82" s="421"/>
      <c r="M82" s="37" t="s">
        <v>124</v>
      </c>
      <c r="N82" s="38"/>
      <c r="O82" s="38"/>
      <c r="P82" s="38"/>
      <c r="Q82" s="38"/>
      <c r="R82" s="38"/>
      <c r="S82" s="38"/>
      <c r="T82" s="38"/>
      <c r="U82" s="38"/>
      <c r="V82" s="388"/>
      <c r="W82" s="389"/>
      <c r="X82" s="389"/>
      <c r="Y82" s="389"/>
      <c r="Z82" s="390"/>
      <c r="AA82" s="388"/>
      <c r="AB82" s="389"/>
      <c r="AC82" s="389"/>
      <c r="AD82" s="389"/>
      <c r="AE82" s="390"/>
      <c r="AF82" s="388"/>
      <c r="AG82" s="389"/>
      <c r="AH82" s="389"/>
      <c r="AI82" s="389"/>
      <c r="AJ82" s="390"/>
      <c r="AK82" s="388"/>
      <c r="AL82" s="389"/>
      <c r="AM82" s="389"/>
      <c r="AN82" s="389"/>
      <c r="AO82" s="390"/>
      <c r="AP82" s="388"/>
      <c r="AQ82" s="389"/>
      <c r="AR82" s="389"/>
      <c r="AS82" s="389"/>
      <c r="AT82" s="390"/>
      <c r="AU82" s="388"/>
      <c r="AV82" s="389"/>
      <c r="AW82" s="389"/>
      <c r="AX82" s="389"/>
      <c r="AY82" s="390"/>
      <c r="AZ82" s="388"/>
      <c r="BA82" s="389"/>
      <c r="BB82" s="389"/>
      <c r="BC82" s="389"/>
      <c r="BD82" s="390"/>
      <c r="BE82" s="388"/>
      <c r="BF82" s="389"/>
      <c r="BG82" s="389"/>
      <c r="BH82" s="389"/>
      <c r="BI82" s="390"/>
      <c r="BJ82" s="388"/>
      <c r="BK82" s="389"/>
      <c r="BL82" s="389"/>
      <c r="BM82" s="389"/>
      <c r="BN82" s="390"/>
      <c r="BQ82" s="188"/>
      <c r="BR82" s="188"/>
      <c r="BS82" s="188"/>
      <c r="BT82" s="188"/>
      <c r="BW82" s="188"/>
    </row>
    <row r="83" spans="4:75" ht="30" customHeight="1">
      <c r="D83" s="420"/>
      <c r="E83" s="347"/>
      <c r="F83" s="347"/>
      <c r="G83" s="347"/>
      <c r="H83" s="347"/>
      <c r="I83" s="347"/>
      <c r="J83" s="347"/>
      <c r="K83" s="347"/>
      <c r="L83" s="421"/>
      <c r="M83" s="37" t="s">
        <v>125</v>
      </c>
      <c r="N83" s="38"/>
      <c r="O83" s="38"/>
      <c r="P83" s="38"/>
      <c r="Q83" s="38"/>
      <c r="R83" s="38"/>
      <c r="S83" s="38"/>
      <c r="T83" s="38"/>
      <c r="U83" s="38"/>
      <c r="V83" s="388"/>
      <c r="W83" s="389"/>
      <c r="X83" s="389"/>
      <c r="Y83" s="389"/>
      <c r="Z83" s="390"/>
      <c r="AA83" s="388"/>
      <c r="AB83" s="389"/>
      <c r="AC83" s="389"/>
      <c r="AD83" s="389"/>
      <c r="AE83" s="390"/>
      <c r="AF83" s="388"/>
      <c r="AG83" s="389"/>
      <c r="AH83" s="389"/>
      <c r="AI83" s="389"/>
      <c r="AJ83" s="390"/>
      <c r="AK83" s="388"/>
      <c r="AL83" s="389"/>
      <c r="AM83" s="389"/>
      <c r="AN83" s="389"/>
      <c r="AO83" s="390"/>
      <c r="AP83" s="388"/>
      <c r="AQ83" s="389"/>
      <c r="AR83" s="389"/>
      <c r="AS83" s="389"/>
      <c r="AT83" s="390"/>
      <c r="AU83" s="388"/>
      <c r="AV83" s="389"/>
      <c r="AW83" s="389"/>
      <c r="AX83" s="389"/>
      <c r="AY83" s="390"/>
      <c r="AZ83" s="388"/>
      <c r="BA83" s="389"/>
      <c r="BB83" s="389"/>
      <c r="BC83" s="389"/>
      <c r="BD83" s="390"/>
      <c r="BE83" s="388"/>
      <c r="BF83" s="389"/>
      <c r="BG83" s="389"/>
      <c r="BH83" s="389"/>
      <c r="BI83" s="390"/>
      <c r="BJ83" s="388"/>
      <c r="BK83" s="389"/>
      <c r="BL83" s="389"/>
      <c r="BM83" s="389"/>
      <c r="BN83" s="390"/>
      <c r="BQ83" s="188"/>
      <c r="BR83" s="188"/>
      <c r="BS83" s="188"/>
      <c r="BT83" s="188"/>
      <c r="BW83" s="188"/>
    </row>
    <row r="84" spans="4:75" ht="30" customHeight="1">
      <c r="D84" s="420"/>
      <c r="E84" s="347"/>
      <c r="F84" s="347"/>
      <c r="G84" s="347"/>
      <c r="H84" s="347"/>
      <c r="I84" s="347"/>
      <c r="J84" s="347"/>
      <c r="K84" s="347"/>
      <c r="L84" s="421"/>
      <c r="M84" s="37" t="s">
        <v>126</v>
      </c>
      <c r="N84" s="38"/>
      <c r="O84" s="38"/>
      <c r="P84" s="38"/>
      <c r="Q84" s="38"/>
      <c r="R84" s="38"/>
      <c r="S84" s="38"/>
      <c r="T84" s="38"/>
      <c r="U84" s="38"/>
      <c r="V84" s="388"/>
      <c r="W84" s="389"/>
      <c r="X84" s="389"/>
      <c r="Y84" s="389"/>
      <c r="Z84" s="390"/>
      <c r="AA84" s="388"/>
      <c r="AB84" s="389"/>
      <c r="AC84" s="389"/>
      <c r="AD84" s="389"/>
      <c r="AE84" s="390"/>
      <c r="AF84" s="388"/>
      <c r="AG84" s="389"/>
      <c r="AH84" s="389"/>
      <c r="AI84" s="389"/>
      <c r="AJ84" s="390"/>
      <c r="AK84" s="388"/>
      <c r="AL84" s="389"/>
      <c r="AM84" s="389"/>
      <c r="AN84" s="389"/>
      <c r="AO84" s="390"/>
      <c r="AP84" s="388"/>
      <c r="AQ84" s="389"/>
      <c r="AR84" s="389"/>
      <c r="AS84" s="389"/>
      <c r="AT84" s="390"/>
      <c r="AU84" s="388"/>
      <c r="AV84" s="389"/>
      <c r="AW84" s="389"/>
      <c r="AX84" s="389"/>
      <c r="AY84" s="390"/>
      <c r="AZ84" s="388"/>
      <c r="BA84" s="389"/>
      <c r="BB84" s="389"/>
      <c r="BC84" s="389"/>
      <c r="BD84" s="390"/>
      <c r="BE84" s="388"/>
      <c r="BF84" s="389"/>
      <c r="BG84" s="389"/>
      <c r="BH84" s="389"/>
      <c r="BI84" s="390"/>
      <c r="BJ84" s="388"/>
      <c r="BK84" s="389"/>
      <c r="BL84" s="389"/>
      <c r="BM84" s="389"/>
      <c r="BN84" s="390"/>
      <c r="BQ84" s="188"/>
      <c r="BR84" s="188"/>
      <c r="BS84" s="188"/>
      <c r="BT84" s="188"/>
      <c r="BW84" s="188"/>
    </row>
    <row r="85" spans="4:75" ht="30" customHeight="1">
      <c r="D85" s="420"/>
      <c r="E85" s="347"/>
      <c r="F85" s="347"/>
      <c r="G85" s="347"/>
      <c r="H85" s="347"/>
      <c r="I85" s="347"/>
      <c r="J85" s="347"/>
      <c r="K85" s="347"/>
      <c r="L85" s="421"/>
      <c r="M85" s="37" t="s">
        <v>127</v>
      </c>
      <c r="N85" s="38"/>
      <c r="O85" s="38"/>
      <c r="P85" s="38"/>
      <c r="Q85" s="38"/>
      <c r="R85" s="38"/>
      <c r="S85" s="38"/>
      <c r="T85" s="38"/>
      <c r="U85" s="38"/>
      <c r="V85" s="388"/>
      <c r="W85" s="389"/>
      <c r="X85" s="389"/>
      <c r="Y85" s="389"/>
      <c r="Z85" s="390"/>
      <c r="AA85" s="388"/>
      <c r="AB85" s="389"/>
      <c r="AC85" s="389"/>
      <c r="AD85" s="389"/>
      <c r="AE85" s="390"/>
      <c r="AF85" s="388"/>
      <c r="AG85" s="389"/>
      <c r="AH85" s="389"/>
      <c r="AI85" s="389"/>
      <c r="AJ85" s="390"/>
      <c r="AK85" s="388"/>
      <c r="AL85" s="389"/>
      <c r="AM85" s="389"/>
      <c r="AN85" s="389"/>
      <c r="AO85" s="390"/>
      <c r="AP85" s="388"/>
      <c r="AQ85" s="389"/>
      <c r="AR85" s="389"/>
      <c r="AS85" s="389"/>
      <c r="AT85" s="390"/>
      <c r="AU85" s="388"/>
      <c r="AV85" s="389"/>
      <c r="AW85" s="389"/>
      <c r="AX85" s="389"/>
      <c r="AY85" s="390"/>
      <c r="AZ85" s="388"/>
      <c r="BA85" s="389"/>
      <c r="BB85" s="389"/>
      <c r="BC85" s="389"/>
      <c r="BD85" s="390"/>
      <c r="BE85" s="388"/>
      <c r="BF85" s="389"/>
      <c r="BG85" s="389"/>
      <c r="BH85" s="389"/>
      <c r="BI85" s="390"/>
      <c r="BJ85" s="388"/>
      <c r="BK85" s="389"/>
      <c r="BL85" s="389"/>
      <c r="BM85" s="389"/>
      <c r="BN85" s="390"/>
      <c r="BQ85" s="188"/>
      <c r="BR85" s="188"/>
      <c r="BS85" s="188"/>
      <c r="BT85" s="188"/>
      <c r="BW85" s="188"/>
    </row>
    <row r="86" spans="4:75" ht="30" customHeight="1">
      <c r="D86" s="420"/>
      <c r="E86" s="347"/>
      <c r="F86" s="347"/>
      <c r="G86" s="347"/>
      <c r="H86" s="347"/>
      <c r="I86" s="347"/>
      <c r="J86" s="347"/>
      <c r="K86" s="347"/>
      <c r="L86" s="421"/>
      <c r="M86" s="37" t="s">
        <v>128</v>
      </c>
      <c r="N86" s="38"/>
      <c r="O86" s="38"/>
      <c r="P86" s="38"/>
      <c r="Q86" s="38"/>
      <c r="R86" s="38"/>
      <c r="S86" s="38"/>
      <c r="T86" s="38"/>
      <c r="U86" s="38"/>
      <c r="V86" s="388"/>
      <c r="W86" s="389"/>
      <c r="X86" s="389"/>
      <c r="Y86" s="389"/>
      <c r="Z86" s="390"/>
      <c r="AA86" s="388"/>
      <c r="AB86" s="389"/>
      <c r="AC86" s="389"/>
      <c r="AD86" s="389"/>
      <c r="AE86" s="390"/>
      <c r="AF86" s="388"/>
      <c r="AG86" s="389"/>
      <c r="AH86" s="389"/>
      <c r="AI86" s="389"/>
      <c r="AJ86" s="390"/>
      <c r="AK86" s="388"/>
      <c r="AL86" s="389"/>
      <c r="AM86" s="389"/>
      <c r="AN86" s="389"/>
      <c r="AO86" s="390"/>
      <c r="AP86" s="388"/>
      <c r="AQ86" s="389"/>
      <c r="AR86" s="389"/>
      <c r="AS86" s="389"/>
      <c r="AT86" s="390"/>
      <c r="AU86" s="388"/>
      <c r="AV86" s="389"/>
      <c r="AW86" s="389"/>
      <c r="AX86" s="389"/>
      <c r="AY86" s="390"/>
      <c r="AZ86" s="388"/>
      <c r="BA86" s="389"/>
      <c r="BB86" s="389"/>
      <c r="BC86" s="389"/>
      <c r="BD86" s="390"/>
      <c r="BE86" s="388"/>
      <c r="BF86" s="389"/>
      <c r="BG86" s="389"/>
      <c r="BH86" s="389"/>
      <c r="BI86" s="390"/>
      <c r="BJ86" s="388"/>
      <c r="BK86" s="389"/>
      <c r="BL86" s="389"/>
      <c r="BM86" s="389"/>
      <c r="BN86" s="390"/>
      <c r="BQ86" s="188"/>
      <c r="BR86" s="188"/>
      <c r="BS86" s="188"/>
      <c r="BT86" s="188"/>
      <c r="BW86" s="188"/>
    </row>
    <row r="87" spans="4:75" ht="30" customHeight="1">
      <c r="D87" s="420"/>
      <c r="E87" s="347"/>
      <c r="F87" s="347"/>
      <c r="G87" s="347"/>
      <c r="H87" s="347"/>
      <c r="I87" s="347"/>
      <c r="J87" s="347"/>
      <c r="K87" s="347"/>
      <c r="L87" s="421"/>
      <c r="M87" s="37" t="s">
        <v>129</v>
      </c>
      <c r="N87" s="38"/>
      <c r="O87" s="38"/>
      <c r="P87" s="38"/>
      <c r="Q87" s="38"/>
      <c r="R87" s="38"/>
      <c r="S87" s="38"/>
      <c r="T87" s="38"/>
      <c r="U87" s="38"/>
      <c r="V87" s="388"/>
      <c r="W87" s="389"/>
      <c r="X87" s="389"/>
      <c r="Y87" s="389"/>
      <c r="Z87" s="390"/>
      <c r="AA87" s="388"/>
      <c r="AB87" s="389"/>
      <c r="AC87" s="389"/>
      <c r="AD87" s="389"/>
      <c r="AE87" s="390"/>
      <c r="AF87" s="388"/>
      <c r="AG87" s="389"/>
      <c r="AH87" s="389"/>
      <c r="AI87" s="389"/>
      <c r="AJ87" s="390"/>
      <c r="AK87" s="388"/>
      <c r="AL87" s="389"/>
      <c r="AM87" s="389"/>
      <c r="AN87" s="389"/>
      <c r="AO87" s="390"/>
      <c r="AP87" s="388"/>
      <c r="AQ87" s="389"/>
      <c r="AR87" s="389"/>
      <c r="AS87" s="389"/>
      <c r="AT87" s="390"/>
      <c r="AU87" s="388"/>
      <c r="AV87" s="389"/>
      <c r="AW87" s="389"/>
      <c r="AX87" s="389"/>
      <c r="AY87" s="390"/>
      <c r="AZ87" s="388"/>
      <c r="BA87" s="389"/>
      <c r="BB87" s="389"/>
      <c r="BC87" s="389"/>
      <c r="BD87" s="390"/>
      <c r="BE87" s="388"/>
      <c r="BF87" s="389"/>
      <c r="BG87" s="389"/>
      <c r="BH87" s="389"/>
      <c r="BI87" s="390"/>
      <c r="BJ87" s="388"/>
      <c r="BK87" s="389"/>
      <c r="BL87" s="389"/>
      <c r="BM87" s="389"/>
      <c r="BN87" s="390"/>
      <c r="BO87" s="260"/>
    </row>
    <row r="88" spans="4:75" ht="30" customHeight="1">
      <c r="D88" s="407" t="s">
        <v>293</v>
      </c>
      <c r="E88" s="373"/>
      <c r="F88" s="373"/>
      <c r="G88" s="373"/>
      <c r="H88" s="373"/>
      <c r="I88" s="373"/>
      <c r="J88" s="373"/>
      <c r="K88" s="373"/>
      <c r="L88" s="373"/>
      <c r="M88" s="373"/>
      <c r="N88" s="373"/>
      <c r="O88" s="373"/>
      <c r="P88" s="373"/>
      <c r="Q88" s="373"/>
      <c r="R88" s="373"/>
      <c r="S88" s="373"/>
      <c r="T88" s="373"/>
      <c r="U88" s="408"/>
      <c r="V88" s="407"/>
      <c r="W88" s="373"/>
      <c r="X88" s="373"/>
      <c r="Y88" s="373"/>
      <c r="Z88" s="408"/>
      <c r="AA88" s="407"/>
      <c r="AB88" s="373"/>
      <c r="AC88" s="373"/>
      <c r="AD88" s="373"/>
      <c r="AE88" s="408"/>
      <c r="AF88" s="407"/>
      <c r="AG88" s="373"/>
      <c r="AH88" s="373"/>
      <c r="AI88" s="373"/>
      <c r="AJ88" s="408"/>
      <c r="AK88" s="407"/>
      <c r="AL88" s="373"/>
      <c r="AM88" s="373"/>
      <c r="AN88" s="373"/>
      <c r="AO88" s="408"/>
      <c r="AP88" s="407"/>
      <c r="AQ88" s="373"/>
      <c r="AR88" s="373"/>
      <c r="AS88" s="373"/>
      <c r="AT88" s="408"/>
      <c r="AU88" s="407"/>
      <c r="AV88" s="373"/>
      <c r="AW88" s="373"/>
      <c r="AX88" s="373"/>
      <c r="AY88" s="408"/>
      <c r="AZ88" s="407"/>
      <c r="BA88" s="373"/>
      <c r="BB88" s="373"/>
      <c r="BC88" s="373"/>
      <c r="BD88" s="408"/>
      <c r="BE88" s="407"/>
      <c r="BF88" s="373"/>
      <c r="BG88" s="373"/>
      <c r="BH88" s="373"/>
      <c r="BI88" s="408"/>
      <c r="BJ88" s="407"/>
      <c r="BK88" s="373"/>
      <c r="BL88" s="373"/>
      <c r="BM88" s="373"/>
      <c r="BN88" s="408"/>
      <c r="BO88" s="260"/>
    </row>
    <row r="89" spans="4:75" ht="24" customHeight="1">
      <c r="D89" s="8"/>
      <c r="E89" s="275"/>
      <c r="F89" s="275"/>
      <c r="G89" s="176" t="s">
        <v>27</v>
      </c>
      <c r="H89" s="275"/>
      <c r="I89" s="275"/>
      <c r="J89" s="251"/>
      <c r="K89" s="251"/>
      <c r="L89" s="251" t="s">
        <v>28</v>
      </c>
      <c r="M89" s="176"/>
      <c r="N89" s="251"/>
      <c r="O89" s="251"/>
      <c r="P89" s="275"/>
      <c r="Q89" s="275"/>
      <c r="R89" s="176" t="s">
        <v>27</v>
      </c>
      <c r="S89" s="275"/>
      <c r="T89" s="275"/>
      <c r="U89" s="251"/>
      <c r="V89" s="412"/>
      <c r="W89" s="339"/>
      <c r="X89" s="339"/>
      <c r="Y89" s="339"/>
      <c r="Z89" s="413"/>
      <c r="AA89" s="412"/>
      <c r="AB89" s="339"/>
      <c r="AC89" s="339"/>
      <c r="AD89" s="339"/>
      <c r="AE89" s="413"/>
      <c r="AF89" s="412"/>
      <c r="AG89" s="339"/>
      <c r="AH89" s="339"/>
      <c r="AI89" s="339"/>
      <c r="AJ89" s="413"/>
      <c r="AK89" s="412"/>
      <c r="AL89" s="339"/>
      <c r="AM89" s="339"/>
      <c r="AN89" s="339"/>
      <c r="AO89" s="413"/>
      <c r="AP89" s="412"/>
      <c r="AQ89" s="339"/>
      <c r="AR89" s="339"/>
      <c r="AS89" s="339"/>
      <c r="AT89" s="413"/>
      <c r="AU89" s="412"/>
      <c r="AV89" s="339"/>
      <c r="AW89" s="339"/>
      <c r="AX89" s="339"/>
      <c r="AY89" s="413"/>
      <c r="AZ89" s="412"/>
      <c r="BA89" s="339"/>
      <c r="BB89" s="339"/>
      <c r="BC89" s="339"/>
      <c r="BD89" s="413"/>
      <c r="BE89" s="412"/>
      <c r="BF89" s="339"/>
      <c r="BG89" s="339"/>
      <c r="BH89" s="339"/>
      <c r="BI89" s="413"/>
      <c r="BJ89" s="412"/>
      <c r="BK89" s="339"/>
      <c r="BL89" s="339"/>
      <c r="BM89" s="339"/>
      <c r="BN89" s="413"/>
      <c r="BO89" s="260"/>
    </row>
    <row r="90" spans="4:75" ht="13.5" customHeight="1">
      <c r="AF90" s="188"/>
      <c r="AG90" s="188"/>
      <c r="AN90" s="188"/>
      <c r="AO90" s="188"/>
      <c r="AT90" s="188"/>
      <c r="AU90" s="188"/>
      <c r="AV90" s="188"/>
      <c r="AW90" s="188"/>
      <c r="AX90" s="188"/>
      <c r="AY90" s="188"/>
      <c r="BB90" s="188"/>
      <c r="BC90" s="188"/>
      <c r="BI90" s="188"/>
      <c r="BJ90" s="188"/>
      <c r="BO90" s="188"/>
      <c r="BP90" s="188"/>
    </row>
    <row r="91" spans="4:75" ht="9" customHeight="1">
      <c r="D91" s="32"/>
      <c r="E91" s="32"/>
      <c r="AQ91" s="260"/>
      <c r="AR91" s="260"/>
      <c r="AS91" s="260"/>
      <c r="AT91" s="260"/>
      <c r="AU91" s="260"/>
      <c r="BB91" s="260"/>
      <c r="BE91" s="260"/>
      <c r="BF91" s="260"/>
      <c r="BG91" s="260"/>
      <c r="BH91" s="260"/>
      <c r="BI91" s="260"/>
      <c r="BL91" s="260"/>
      <c r="BM91" s="260"/>
      <c r="BN91" s="260"/>
      <c r="BO91" s="260"/>
      <c r="BR91" s="260"/>
      <c r="BS91" s="260"/>
      <c r="BT91" s="260"/>
      <c r="BU91" s="260"/>
    </row>
    <row r="92" spans="4:75" ht="24" customHeight="1">
      <c r="D92" s="37" t="s">
        <v>365</v>
      </c>
      <c r="E92" s="38"/>
      <c r="F92" s="38"/>
      <c r="G92" s="38"/>
      <c r="H92" s="38"/>
      <c r="I92" s="38"/>
      <c r="J92" s="38"/>
      <c r="K92" s="38"/>
      <c r="L92" s="38"/>
      <c r="M92" s="41"/>
      <c r="N92" s="41"/>
      <c r="O92" s="41"/>
      <c r="P92" s="41"/>
      <c r="Q92" s="41"/>
      <c r="R92" s="41"/>
      <c r="S92" s="41"/>
      <c r="T92" s="41"/>
      <c r="U92" s="41"/>
      <c r="V92" s="41"/>
      <c r="W92" s="41"/>
      <c r="X92" s="41"/>
      <c r="Y92" s="41"/>
      <c r="Z92" s="41"/>
      <c r="AA92" s="41"/>
      <c r="AB92" s="41"/>
      <c r="AC92" s="41"/>
      <c r="AD92" s="41"/>
      <c r="AE92" s="41"/>
      <c r="AF92" s="41"/>
      <c r="AG92" s="41"/>
      <c r="AH92" s="41"/>
      <c r="AI92" s="41"/>
      <c r="AJ92" s="41"/>
      <c r="AK92" s="41"/>
      <c r="AL92" s="41"/>
      <c r="AM92" s="38" t="s">
        <v>427</v>
      </c>
      <c r="AN92" s="38"/>
      <c r="AO92" s="38"/>
      <c r="AP92" s="38"/>
      <c r="AQ92" s="38"/>
      <c r="AR92" s="389"/>
      <c r="AS92" s="389"/>
      <c r="AT92" s="389"/>
      <c r="AU92" s="38" t="s">
        <v>4</v>
      </c>
      <c r="AV92" s="38"/>
      <c r="AW92" s="389"/>
      <c r="AX92" s="389"/>
      <c r="AY92" s="389"/>
      <c r="AZ92" s="219" t="s">
        <v>5</v>
      </c>
      <c r="BA92" s="38"/>
      <c r="BB92" s="389"/>
      <c r="BC92" s="389"/>
      <c r="BD92" s="389"/>
      <c r="BE92" s="38" t="s">
        <v>70</v>
      </c>
      <c r="BF92" s="38"/>
      <c r="BG92" s="38"/>
      <c r="BH92" s="38"/>
      <c r="BI92" s="41"/>
      <c r="BJ92" s="39"/>
      <c r="BK92" s="260"/>
      <c r="BL92" s="260"/>
      <c r="BM92" s="260"/>
      <c r="BN92" s="260"/>
      <c r="BQ92" s="260"/>
      <c r="BR92" s="260"/>
      <c r="BS92" s="260"/>
      <c r="BT92" s="260"/>
    </row>
    <row r="93" spans="4:75" ht="20.100000000000001" customHeight="1">
      <c r="D93" s="388" t="s">
        <v>323</v>
      </c>
      <c r="E93" s="389"/>
      <c r="F93" s="389"/>
      <c r="G93" s="389"/>
      <c r="H93" s="389"/>
      <c r="I93" s="389"/>
      <c r="J93" s="389"/>
      <c r="K93" s="389"/>
      <c r="L93" s="389"/>
      <c r="M93" s="389"/>
      <c r="N93" s="390"/>
      <c r="O93" s="388" t="s">
        <v>340</v>
      </c>
      <c r="P93" s="389"/>
      <c r="Q93" s="389"/>
      <c r="R93" s="389"/>
      <c r="S93" s="389"/>
      <c r="T93" s="389"/>
      <c r="U93" s="389"/>
      <c r="V93" s="389"/>
      <c r="W93" s="389"/>
      <c r="X93" s="389"/>
      <c r="Y93" s="389"/>
      <c r="Z93" s="389"/>
      <c r="AA93" s="389"/>
      <c r="AB93" s="389"/>
      <c r="AC93" s="389"/>
      <c r="AD93" s="389"/>
      <c r="AE93" s="422" t="s">
        <v>341</v>
      </c>
      <c r="AF93" s="423"/>
      <c r="AG93" s="423"/>
      <c r="AH93" s="423"/>
      <c r="AI93" s="423"/>
      <c r="AJ93" s="423"/>
      <c r="AK93" s="423"/>
      <c r="AL93" s="423"/>
      <c r="AM93" s="423"/>
      <c r="AN93" s="423"/>
      <c r="AO93" s="423"/>
      <c r="AP93" s="423"/>
      <c r="AQ93" s="423"/>
      <c r="AR93" s="423"/>
      <c r="AS93" s="423"/>
      <c r="AT93" s="423"/>
      <c r="AU93" s="388" t="s">
        <v>342</v>
      </c>
      <c r="AV93" s="389"/>
      <c r="AW93" s="389"/>
      <c r="AX93" s="389"/>
      <c r="AY93" s="389"/>
      <c r="AZ93" s="389"/>
      <c r="BA93" s="389"/>
      <c r="BB93" s="389"/>
      <c r="BC93" s="389"/>
      <c r="BD93" s="389"/>
      <c r="BE93" s="389"/>
      <c r="BF93" s="389"/>
      <c r="BG93" s="389"/>
      <c r="BH93" s="389"/>
      <c r="BI93" s="389"/>
      <c r="BJ93" s="390"/>
      <c r="BK93" s="6"/>
    </row>
    <row r="94" spans="4:75" ht="16.5" customHeight="1">
      <c r="D94" s="356" t="s">
        <v>324</v>
      </c>
      <c r="E94" s="358"/>
      <c r="F94" s="212"/>
      <c r="G94" s="277"/>
      <c r="H94" s="277"/>
      <c r="I94" s="277"/>
      <c r="J94" s="277"/>
      <c r="K94" s="277"/>
      <c r="L94" s="178" t="s">
        <v>71</v>
      </c>
      <c r="M94" s="178"/>
      <c r="N94" s="213"/>
      <c r="O94" s="212"/>
      <c r="P94" s="178"/>
      <c r="Q94" s="178"/>
      <c r="R94" s="178"/>
      <c r="S94" s="178"/>
      <c r="T94" s="277"/>
      <c r="U94" s="277"/>
      <c r="V94" s="277"/>
      <c r="W94" s="277"/>
      <c r="X94" s="277"/>
      <c r="Y94" s="277"/>
      <c r="Z94" s="277"/>
      <c r="AA94" s="178" t="s">
        <v>71</v>
      </c>
      <c r="AB94" s="178"/>
      <c r="AC94" s="178"/>
      <c r="AD94" s="178"/>
      <c r="AE94" s="242"/>
      <c r="AF94" s="243"/>
      <c r="AG94" s="243"/>
      <c r="AH94" s="178"/>
      <c r="AI94" s="277"/>
      <c r="AJ94" s="277"/>
      <c r="AK94" s="277"/>
      <c r="AL94" s="277"/>
      <c r="AM94" s="277"/>
      <c r="AN94" s="277"/>
      <c r="AO94" s="277"/>
      <c r="AP94" s="178" t="s">
        <v>71</v>
      </c>
      <c r="AQ94" s="178"/>
      <c r="AR94" s="243"/>
      <c r="AS94" s="243"/>
      <c r="AT94" s="243"/>
      <c r="AU94" s="2"/>
      <c r="AV94" s="249"/>
      <c r="AW94" s="249"/>
      <c r="AX94" s="178"/>
      <c r="AY94" s="277"/>
      <c r="AZ94" s="277"/>
      <c r="BA94" s="277"/>
      <c r="BB94" s="277"/>
      <c r="BC94" s="277"/>
      <c r="BD94" s="277"/>
      <c r="BE94" s="277"/>
      <c r="BF94" s="178" t="s">
        <v>71</v>
      </c>
      <c r="BG94" s="178"/>
      <c r="BH94" s="249"/>
      <c r="BI94" s="249"/>
      <c r="BJ94" s="3"/>
      <c r="BK94" s="6"/>
    </row>
    <row r="95" spans="4:75" ht="16.5" customHeight="1">
      <c r="D95" s="359"/>
      <c r="E95" s="361"/>
      <c r="F95" s="126" t="s">
        <v>333</v>
      </c>
      <c r="G95" s="230"/>
      <c r="H95" s="432"/>
      <c r="I95" s="432"/>
      <c r="J95" s="432"/>
      <c r="K95" s="230" t="s">
        <v>334</v>
      </c>
      <c r="L95" s="230"/>
      <c r="M95" s="230" t="s">
        <v>71</v>
      </c>
      <c r="N95" s="127"/>
      <c r="O95" s="126"/>
      <c r="P95" s="230"/>
      <c r="Q95" s="230"/>
      <c r="R95" s="230"/>
      <c r="S95" s="230" t="s">
        <v>333</v>
      </c>
      <c r="T95" s="230"/>
      <c r="U95" s="432"/>
      <c r="V95" s="432"/>
      <c r="W95" s="432"/>
      <c r="X95" s="432"/>
      <c r="Y95" s="432"/>
      <c r="Z95" s="230" t="s">
        <v>334</v>
      </c>
      <c r="AA95" s="230"/>
      <c r="AB95" s="230" t="s">
        <v>71</v>
      </c>
      <c r="AC95" s="230"/>
      <c r="AD95" s="230"/>
      <c r="AE95" s="128"/>
      <c r="AF95" s="129"/>
      <c r="AG95" s="129"/>
      <c r="AH95" s="230" t="s">
        <v>34</v>
      </c>
      <c r="AI95" s="230"/>
      <c r="AJ95" s="432"/>
      <c r="AK95" s="432"/>
      <c r="AL95" s="432"/>
      <c r="AM95" s="432"/>
      <c r="AN95" s="432"/>
      <c r="AO95" s="230" t="s">
        <v>23</v>
      </c>
      <c r="AP95" s="230"/>
      <c r="AQ95" s="230" t="s">
        <v>71</v>
      </c>
      <c r="AR95" s="129"/>
      <c r="AS95" s="129"/>
      <c r="AT95" s="129"/>
      <c r="AU95" s="130"/>
      <c r="AV95" s="131"/>
      <c r="AW95" s="131"/>
      <c r="AX95" s="230" t="s">
        <v>333</v>
      </c>
      <c r="AY95" s="230"/>
      <c r="AZ95" s="432"/>
      <c r="BA95" s="432"/>
      <c r="BB95" s="432"/>
      <c r="BC95" s="432"/>
      <c r="BD95" s="432"/>
      <c r="BE95" s="230" t="s">
        <v>334</v>
      </c>
      <c r="BF95" s="230"/>
      <c r="BG95" s="230" t="s">
        <v>71</v>
      </c>
      <c r="BH95" s="131"/>
      <c r="BI95" s="131"/>
      <c r="BJ95" s="132"/>
      <c r="BK95" s="6"/>
    </row>
    <row r="96" spans="4:75" ht="20.100000000000001" customHeight="1">
      <c r="D96" s="359"/>
      <c r="E96" s="361"/>
      <c r="F96" s="133" t="s">
        <v>325</v>
      </c>
      <c r="G96" s="134"/>
      <c r="H96" s="134"/>
      <c r="I96" s="134"/>
      <c r="J96" s="134"/>
      <c r="K96" s="134"/>
      <c r="L96" s="134"/>
      <c r="M96" s="134"/>
      <c r="N96" s="134"/>
      <c r="O96" s="134"/>
      <c r="P96" s="134"/>
      <c r="Q96" s="134"/>
      <c r="R96" s="134"/>
      <c r="S96" s="134"/>
      <c r="T96" s="134"/>
      <c r="U96" s="134"/>
      <c r="V96" s="134"/>
      <c r="W96" s="134"/>
      <c r="X96" s="134"/>
      <c r="Y96" s="134"/>
      <c r="Z96" s="134"/>
      <c r="AA96" s="134"/>
      <c r="AB96" s="134"/>
      <c r="AC96" s="134"/>
      <c r="AD96" s="134"/>
      <c r="AE96" s="135"/>
      <c r="AF96" s="135"/>
      <c r="AG96" s="135"/>
      <c r="AH96" s="134"/>
      <c r="AI96" s="134"/>
      <c r="AJ96" s="134"/>
      <c r="AK96" s="134"/>
      <c r="AL96" s="134"/>
      <c r="AM96" s="134"/>
      <c r="AN96" s="134"/>
      <c r="AO96" s="134"/>
      <c r="AP96" s="134"/>
      <c r="AQ96" s="134"/>
      <c r="AR96" s="135"/>
      <c r="AS96" s="135"/>
      <c r="AT96" s="135"/>
      <c r="AU96" s="136"/>
      <c r="AV96" s="136"/>
      <c r="AW96" s="136"/>
      <c r="AX96" s="134"/>
      <c r="AY96" s="134"/>
      <c r="AZ96" s="134"/>
      <c r="BA96" s="134"/>
      <c r="BB96" s="134"/>
      <c r="BC96" s="134"/>
      <c r="BD96" s="134"/>
      <c r="BE96" s="134"/>
      <c r="BF96" s="134"/>
      <c r="BG96" s="134"/>
      <c r="BH96" s="136"/>
      <c r="BI96" s="136"/>
      <c r="BJ96" s="137"/>
      <c r="BK96" s="6"/>
    </row>
    <row r="97" spans="4:72" ht="20.100000000000001" customHeight="1">
      <c r="D97" s="359"/>
      <c r="E97" s="361"/>
      <c r="F97" s="433" t="s">
        <v>2</v>
      </c>
      <c r="G97" s="433"/>
      <c r="H97" s="433"/>
      <c r="I97" s="434"/>
      <c r="J97" s="595" t="s">
        <v>326</v>
      </c>
      <c r="K97" s="433"/>
      <c r="L97" s="433"/>
      <c r="M97" s="433"/>
      <c r="N97" s="433"/>
      <c r="O97" s="87" t="s">
        <v>2</v>
      </c>
      <c r="P97" s="88"/>
      <c r="Q97" s="89"/>
      <c r="R97" s="89"/>
      <c r="S97" s="596" t="s">
        <v>71</v>
      </c>
      <c r="T97" s="596"/>
      <c r="U97" s="596"/>
      <c r="V97" s="597"/>
      <c r="W97" s="90" t="s">
        <v>326</v>
      </c>
      <c r="X97" s="88"/>
      <c r="Y97" s="88"/>
      <c r="Z97" s="88"/>
      <c r="AA97" s="590" t="s">
        <v>71</v>
      </c>
      <c r="AB97" s="590"/>
      <c r="AC97" s="590"/>
      <c r="AD97" s="590"/>
      <c r="AE97" s="87" t="s">
        <v>2</v>
      </c>
      <c r="AF97" s="88"/>
      <c r="AG97" s="88"/>
      <c r="AH97" s="88"/>
      <c r="AI97" s="590" t="s">
        <v>71</v>
      </c>
      <c r="AJ97" s="590"/>
      <c r="AK97" s="590"/>
      <c r="AL97" s="590"/>
      <c r="AM97" s="91" t="s">
        <v>326</v>
      </c>
      <c r="AN97" s="89"/>
      <c r="AO97" s="89"/>
      <c r="AP97" s="89"/>
      <c r="AQ97" s="596" t="s">
        <v>71</v>
      </c>
      <c r="AR97" s="596"/>
      <c r="AS97" s="596"/>
      <c r="AT97" s="596"/>
      <c r="AU97" s="92" t="s">
        <v>2</v>
      </c>
      <c r="AV97" s="89"/>
      <c r="AW97" s="89"/>
      <c r="AX97" s="89"/>
      <c r="AY97" s="596" t="s">
        <v>71</v>
      </c>
      <c r="AZ97" s="596"/>
      <c r="BA97" s="596"/>
      <c r="BB97" s="597"/>
      <c r="BC97" s="90" t="s">
        <v>326</v>
      </c>
      <c r="BD97" s="88"/>
      <c r="BE97" s="88"/>
      <c r="BF97" s="88"/>
      <c r="BG97" s="590" t="s">
        <v>71</v>
      </c>
      <c r="BH97" s="590"/>
      <c r="BI97" s="590"/>
      <c r="BJ97" s="590"/>
      <c r="BK97" s="40"/>
      <c r="BL97" s="260"/>
      <c r="BM97" s="260"/>
      <c r="BN97" s="260"/>
      <c r="BO97" s="260"/>
      <c r="BP97" s="260"/>
    </row>
    <row r="98" spans="4:72" ht="20.100000000000001" customHeight="1">
      <c r="D98" s="359"/>
      <c r="E98" s="361"/>
      <c r="F98" s="93" t="s">
        <v>327</v>
      </c>
      <c r="G98" s="94"/>
      <c r="H98" s="94"/>
      <c r="I98" s="94"/>
      <c r="J98" s="94"/>
      <c r="K98" s="94"/>
      <c r="L98" s="94"/>
      <c r="M98" s="94"/>
      <c r="N98" s="95"/>
      <c r="O98" s="96" t="s">
        <v>328</v>
      </c>
      <c r="P98" s="97"/>
      <c r="Q98" s="97"/>
      <c r="R98" s="97"/>
      <c r="S98" s="591" t="s">
        <v>71</v>
      </c>
      <c r="T98" s="591"/>
      <c r="U98" s="591"/>
      <c r="V98" s="592"/>
      <c r="W98" s="98" t="s">
        <v>328</v>
      </c>
      <c r="X98" s="97"/>
      <c r="Y98" s="97"/>
      <c r="Z98" s="97"/>
      <c r="AA98" s="591" t="s">
        <v>71</v>
      </c>
      <c r="AB98" s="591"/>
      <c r="AC98" s="591"/>
      <c r="AD98" s="593"/>
      <c r="AE98" s="96" t="s">
        <v>348</v>
      </c>
      <c r="AF98" s="97"/>
      <c r="AG98" s="97"/>
      <c r="AH98" s="97"/>
      <c r="AI98" s="591" t="s">
        <v>71</v>
      </c>
      <c r="AJ98" s="591"/>
      <c r="AK98" s="591"/>
      <c r="AL98" s="591"/>
      <c r="AM98" s="99" t="s">
        <v>348</v>
      </c>
      <c r="AN98" s="97"/>
      <c r="AO98" s="97"/>
      <c r="AP98" s="97"/>
      <c r="AQ98" s="591" t="s">
        <v>71</v>
      </c>
      <c r="AR98" s="591"/>
      <c r="AS98" s="591"/>
      <c r="AT98" s="593"/>
      <c r="AU98" s="212"/>
      <c r="AV98" s="178"/>
      <c r="AW98" s="178"/>
      <c r="AX98" s="178"/>
      <c r="AY98" s="178"/>
      <c r="AZ98" s="178"/>
      <c r="BA98" s="178"/>
      <c r="BB98" s="100"/>
      <c r="BC98" s="178"/>
      <c r="BD98" s="178"/>
      <c r="BE98" s="178"/>
      <c r="BF98" s="178"/>
      <c r="BG98" s="178"/>
      <c r="BH98" s="178"/>
      <c r="BI98" s="178"/>
      <c r="BJ98" s="213"/>
      <c r="BK98" s="188"/>
      <c r="BL98" s="188"/>
      <c r="BM98" s="188"/>
      <c r="BN98" s="188"/>
    </row>
    <row r="99" spans="4:72" ht="20.100000000000001" customHeight="1">
      <c r="D99" s="359"/>
      <c r="E99" s="361"/>
      <c r="F99" s="101" t="s">
        <v>329</v>
      </c>
      <c r="G99" s="102"/>
      <c r="H99" s="102"/>
      <c r="I99" s="102"/>
      <c r="J99" s="102"/>
      <c r="K99" s="102"/>
      <c r="L99" s="102"/>
      <c r="M99" s="102"/>
      <c r="N99" s="103"/>
      <c r="O99" s="104" t="s">
        <v>330</v>
      </c>
      <c r="P99" s="1"/>
      <c r="Q99" s="1"/>
      <c r="R99" s="1"/>
      <c r="S99" s="425" t="s">
        <v>71</v>
      </c>
      <c r="T99" s="425"/>
      <c r="U99" s="425"/>
      <c r="V99" s="431"/>
      <c r="W99" s="1" t="s">
        <v>330</v>
      </c>
      <c r="X99" s="1"/>
      <c r="Y99" s="1"/>
      <c r="Z99" s="1"/>
      <c r="AA99" s="425" t="s">
        <v>71</v>
      </c>
      <c r="AB99" s="425"/>
      <c r="AC99" s="425"/>
      <c r="AD99" s="426"/>
      <c r="AE99" s="104" t="s">
        <v>49</v>
      </c>
      <c r="AF99" s="105"/>
      <c r="AG99" s="105"/>
      <c r="AH99" s="106"/>
      <c r="AI99" s="425" t="s">
        <v>71</v>
      </c>
      <c r="AJ99" s="425"/>
      <c r="AK99" s="425"/>
      <c r="AL99" s="425"/>
      <c r="AM99" s="49" t="s">
        <v>49</v>
      </c>
      <c r="AN99" s="105"/>
      <c r="AO99" s="105"/>
      <c r="AP99" s="106"/>
      <c r="AQ99" s="425" t="s">
        <v>71</v>
      </c>
      <c r="AR99" s="425"/>
      <c r="AS99" s="425"/>
      <c r="AT99" s="426"/>
      <c r="AU99" s="27"/>
      <c r="AV99" s="26"/>
      <c r="AW99" s="26"/>
      <c r="AX99" s="26"/>
      <c r="AY99" s="26"/>
      <c r="AZ99" s="26"/>
      <c r="BA99" s="26"/>
      <c r="BB99" s="107"/>
      <c r="BC99" s="26"/>
      <c r="BD99" s="26"/>
      <c r="BE99" s="26"/>
      <c r="BF99" s="26"/>
      <c r="BG99" s="26"/>
      <c r="BH99" s="26"/>
      <c r="BI99" s="26"/>
      <c r="BJ99" s="108"/>
      <c r="BK99" s="26"/>
      <c r="BL99" s="26"/>
      <c r="BM99" s="26"/>
      <c r="BN99" s="26"/>
      <c r="BO99" s="26"/>
      <c r="BP99" s="26"/>
    </row>
    <row r="100" spans="4:72" ht="20.100000000000001" customHeight="1">
      <c r="D100" s="359"/>
      <c r="E100" s="361"/>
      <c r="F100" s="101" t="s">
        <v>331</v>
      </c>
      <c r="G100" s="102"/>
      <c r="H100" s="102"/>
      <c r="I100" s="102"/>
      <c r="J100" s="102"/>
      <c r="K100" s="102"/>
      <c r="L100" s="102"/>
      <c r="M100" s="102"/>
      <c r="N100" s="103"/>
      <c r="O100" s="104" t="s">
        <v>349</v>
      </c>
      <c r="P100" s="1"/>
      <c r="Q100" s="1"/>
      <c r="R100" s="1"/>
      <c r="S100" s="228"/>
      <c r="T100" s="425" t="s">
        <v>71</v>
      </c>
      <c r="U100" s="425"/>
      <c r="V100" s="425"/>
      <c r="W100" s="49" t="s">
        <v>349</v>
      </c>
      <c r="X100" s="1"/>
      <c r="Y100" s="1"/>
      <c r="Z100" s="1"/>
      <c r="AA100" s="228"/>
      <c r="AB100" s="425" t="s">
        <v>71</v>
      </c>
      <c r="AC100" s="425"/>
      <c r="AD100" s="431"/>
      <c r="AE100" s="104" t="s">
        <v>333</v>
      </c>
      <c r="AF100" s="105"/>
      <c r="AG100" s="424"/>
      <c r="AH100" s="424"/>
      <c r="AI100" s="424"/>
      <c r="AJ100" s="424"/>
      <c r="AK100" s="1" t="s">
        <v>334</v>
      </c>
      <c r="AL100" s="109"/>
      <c r="AM100" s="49" t="s">
        <v>333</v>
      </c>
      <c r="AN100" s="105"/>
      <c r="AO100" s="424"/>
      <c r="AP100" s="424"/>
      <c r="AQ100" s="424"/>
      <c r="AR100" s="424"/>
      <c r="AS100" s="1" t="s">
        <v>334</v>
      </c>
      <c r="AT100" s="109"/>
      <c r="AU100" s="27"/>
      <c r="AV100" s="26"/>
      <c r="AW100" s="26"/>
      <c r="AX100" s="26"/>
      <c r="AY100" s="26"/>
      <c r="AZ100" s="26"/>
      <c r="BA100" s="26"/>
      <c r="BB100" s="107"/>
      <c r="BC100" s="26"/>
      <c r="BD100" s="26"/>
      <c r="BE100" s="26"/>
      <c r="BF100" s="26"/>
      <c r="BG100" s="26"/>
      <c r="BH100" s="26"/>
      <c r="BI100" s="26"/>
      <c r="BJ100" s="108"/>
      <c r="BK100" s="26"/>
      <c r="BL100" s="26"/>
      <c r="BM100" s="26"/>
      <c r="BN100" s="26"/>
      <c r="BO100" s="26"/>
      <c r="BP100" s="26"/>
    </row>
    <row r="101" spans="4:72" ht="20.100000000000001" customHeight="1">
      <c r="D101" s="359"/>
      <c r="E101" s="361"/>
      <c r="F101" s="436" t="s">
        <v>335</v>
      </c>
      <c r="G101" s="437"/>
      <c r="H101" s="437"/>
      <c r="I101" s="437"/>
      <c r="J101" s="437"/>
      <c r="K101" s="437"/>
      <c r="L101" s="437"/>
      <c r="M101" s="437"/>
      <c r="N101" s="438"/>
      <c r="O101" s="138" t="s">
        <v>332</v>
      </c>
      <c r="P101" s="1"/>
      <c r="Q101" s="1"/>
      <c r="R101" s="1"/>
      <c r="S101" s="1"/>
      <c r="T101" s="1"/>
      <c r="U101" s="1"/>
      <c r="V101" s="139"/>
      <c r="W101" s="140" t="s">
        <v>332</v>
      </c>
      <c r="X101" s="1"/>
      <c r="Y101" s="1"/>
      <c r="Z101" s="1"/>
      <c r="AA101" s="1"/>
      <c r="AB101" s="1"/>
      <c r="AC101" s="1"/>
      <c r="AD101" s="141"/>
      <c r="AE101" s="104"/>
      <c r="AF101" s="105"/>
      <c r="AG101" s="424"/>
      <c r="AH101" s="424"/>
      <c r="AI101" s="424"/>
      <c r="AJ101" s="424"/>
      <c r="AK101" s="1"/>
      <c r="AL101" s="109"/>
      <c r="AM101" s="49"/>
      <c r="AN101" s="105"/>
      <c r="AO101" s="424"/>
      <c r="AP101" s="424"/>
      <c r="AQ101" s="424"/>
      <c r="AR101" s="424"/>
      <c r="AS101" s="1"/>
      <c r="AT101" s="109"/>
      <c r="AU101" s="110"/>
      <c r="AV101" s="1"/>
      <c r="BB101" s="111"/>
      <c r="BH101" s="260"/>
      <c r="BI101" s="260"/>
      <c r="BJ101" s="31"/>
      <c r="BK101" s="260"/>
      <c r="BL101" s="260"/>
      <c r="BM101" s="260"/>
      <c r="BN101" s="260"/>
      <c r="BO101" s="260"/>
      <c r="BP101" s="260"/>
      <c r="BQ101" s="260"/>
      <c r="BR101" s="260"/>
    </row>
    <row r="102" spans="4:72" ht="20.100000000000001" customHeight="1">
      <c r="D102" s="359"/>
      <c r="E102" s="361"/>
      <c r="F102" s="436"/>
      <c r="G102" s="437"/>
      <c r="H102" s="437"/>
      <c r="I102" s="437"/>
      <c r="J102" s="437"/>
      <c r="K102" s="437"/>
      <c r="L102" s="437"/>
      <c r="M102" s="437"/>
      <c r="N102" s="438"/>
      <c r="O102" s="104" t="s">
        <v>336</v>
      </c>
      <c r="P102" s="106"/>
      <c r="Q102" s="106"/>
      <c r="R102" s="1"/>
      <c r="S102" s="425" t="s">
        <v>71</v>
      </c>
      <c r="T102" s="425"/>
      <c r="U102" s="425"/>
      <c r="V102" s="431"/>
      <c r="W102" s="1" t="s">
        <v>336</v>
      </c>
      <c r="X102" s="106"/>
      <c r="Y102" s="106"/>
      <c r="Z102" s="1"/>
      <c r="AA102" s="425" t="s">
        <v>71</v>
      </c>
      <c r="AB102" s="425"/>
      <c r="AC102" s="425"/>
      <c r="AD102" s="426"/>
      <c r="AE102" s="229"/>
      <c r="AF102" s="105"/>
      <c r="AG102" s="1"/>
      <c r="AH102" s="1"/>
      <c r="AI102" s="1"/>
      <c r="AJ102" s="1"/>
      <c r="AK102" s="1"/>
      <c r="AL102" s="105"/>
      <c r="AM102" s="49"/>
      <c r="AN102" s="1"/>
      <c r="AO102" s="1"/>
      <c r="AP102" s="1"/>
      <c r="AQ102" s="105"/>
      <c r="AR102" s="105"/>
      <c r="AS102" s="1"/>
      <c r="AT102" s="112"/>
      <c r="AU102" s="104"/>
      <c r="AV102" s="105"/>
      <c r="AW102" s="105"/>
      <c r="AZ102" s="26"/>
      <c r="BA102" s="26"/>
      <c r="BB102" s="111"/>
      <c r="BG102" s="26"/>
      <c r="BJ102" s="7"/>
      <c r="BK102" s="26"/>
      <c r="BL102" s="26"/>
      <c r="BR102" s="26"/>
    </row>
    <row r="103" spans="4:72" ht="20.100000000000001" customHeight="1">
      <c r="D103" s="359"/>
      <c r="E103" s="361"/>
      <c r="F103" s="101" t="s">
        <v>337</v>
      </c>
      <c r="G103" s="102"/>
      <c r="H103" s="102"/>
      <c r="I103" s="102"/>
      <c r="J103" s="102"/>
      <c r="K103" s="102"/>
      <c r="L103" s="102"/>
      <c r="M103" s="102"/>
      <c r="N103" s="103"/>
      <c r="O103" s="427" t="s">
        <v>437</v>
      </c>
      <c r="P103" s="428"/>
      <c r="Q103" s="428"/>
      <c r="R103" s="428"/>
      <c r="S103" s="428"/>
      <c r="T103" s="428"/>
      <c r="U103" s="428"/>
      <c r="V103" s="428"/>
      <c r="W103" s="429" t="s">
        <v>437</v>
      </c>
      <c r="X103" s="428"/>
      <c r="Y103" s="428"/>
      <c r="Z103" s="428"/>
      <c r="AA103" s="428"/>
      <c r="AB103" s="428"/>
      <c r="AC103" s="428"/>
      <c r="AD103" s="430"/>
      <c r="AE103" s="104"/>
      <c r="AF103" s="1"/>
      <c r="AG103" s="1"/>
      <c r="AH103" s="1"/>
      <c r="AI103" s="1"/>
      <c r="AJ103" s="1"/>
      <c r="AK103" s="1"/>
      <c r="AL103" s="1"/>
      <c r="AM103" s="49"/>
      <c r="AN103" s="1"/>
      <c r="AO103" s="1"/>
      <c r="AP103" s="1"/>
      <c r="AQ103" s="1"/>
      <c r="AR103" s="1"/>
      <c r="AS103" s="1"/>
      <c r="AT103" s="112"/>
      <c r="AU103" s="104"/>
      <c r="AV103" s="1"/>
      <c r="AW103" s="1"/>
      <c r="BB103" s="111"/>
      <c r="BJ103" s="7"/>
    </row>
    <row r="104" spans="4:72" ht="20.100000000000001" customHeight="1">
      <c r="D104" s="359"/>
      <c r="E104" s="361"/>
      <c r="F104" s="101" t="s">
        <v>338</v>
      </c>
      <c r="G104" s="26"/>
      <c r="H104" s="26"/>
      <c r="I104" s="26"/>
      <c r="J104" s="33"/>
      <c r="K104" s="260"/>
      <c r="L104" s="260"/>
      <c r="M104" s="260"/>
      <c r="N104" s="260"/>
      <c r="O104" s="171" t="s">
        <v>438</v>
      </c>
      <c r="P104" s="106"/>
      <c r="Q104" s="106"/>
      <c r="R104" s="1"/>
      <c r="S104" s="425" t="s">
        <v>71</v>
      </c>
      <c r="T104" s="425"/>
      <c r="U104" s="425"/>
      <c r="V104" s="425"/>
      <c r="W104" s="43" t="s">
        <v>438</v>
      </c>
      <c r="X104" s="106"/>
      <c r="Y104" s="106"/>
      <c r="Z104" s="1"/>
      <c r="AA104" s="425" t="s">
        <v>71</v>
      </c>
      <c r="AB104" s="425"/>
      <c r="AC104" s="425"/>
      <c r="AD104" s="431"/>
      <c r="AE104" s="104"/>
      <c r="AF104" s="1"/>
      <c r="AG104" s="1"/>
      <c r="AH104" s="1"/>
      <c r="AI104" s="1"/>
      <c r="AJ104" s="1"/>
      <c r="AK104" s="1"/>
      <c r="AL104" s="1"/>
      <c r="AM104" s="49"/>
      <c r="AN104" s="1"/>
      <c r="AO104" s="1"/>
      <c r="AP104" s="1"/>
      <c r="AQ104" s="1"/>
      <c r="AR104" s="1"/>
      <c r="AS104" s="1"/>
      <c r="AT104" s="1"/>
      <c r="AU104" s="104"/>
      <c r="AV104" s="1"/>
      <c r="AW104" s="1"/>
      <c r="BB104" s="111"/>
      <c r="BJ104" s="7"/>
    </row>
    <row r="105" spans="4:72" ht="19.5" customHeight="1">
      <c r="D105" s="359"/>
      <c r="E105" s="361"/>
      <c r="F105" s="101" t="s">
        <v>347</v>
      </c>
      <c r="G105" s="26"/>
      <c r="H105" s="26"/>
      <c r="I105" s="26"/>
      <c r="J105" s="33"/>
      <c r="K105" s="260"/>
      <c r="L105" s="260"/>
      <c r="M105" s="260"/>
      <c r="N105" s="260"/>
      <c r="O105" s="104" t="s">
        <v>49</v>
      </c>
      <c r="P105" s="105"/>
      <c r="Q105" s="105"/>
      <c r="R105" s="106"/>
      <c r="S105" s="425" t="s">
        <v>71</v>
      </c>
      <c r="T105" s="425"/>
      <c r="U105" s="425"/>
      <c r="V105" s="425"/>
      <c r="W105" s="49" t="s">
        <v>49</v>
      </c>
      <c r="X105" s="105"/>
      <c r="Y105" s="105"/>
      <c r="Z105" s="106"/>
      <c r="AA105" s="425" t="s">
        <v>71</v>
      </c>
      <c r="AB105" s="425"/>
      <c r="AC105" s="425"/>
      <c r="AD105" s="431"/>
      <c r="AE105" s="6"/>
      <c r="AM105" s="113"/>
      <c r="AU105" s="6"/>
      <c r="BB105" s="111"/>
      <c r="BJ105" s="7"/>
    </row>
    <row r="106" spans="4:72" ht="19.5" customHeight="1">
      <c r="D106" s="362"/>
      <c r="E106" s="364"/>
      <c r="F106" s="114" t="s">
        <v>339</v>
      </c>
      <c r="G106" s="45"/>
      <c r="H106" s="45"/>
      <c r="I106" s="45"/>
      <c r="J106" s="45"/>
      <c r="K106" s="45"/>
      <c r="L106" s="30"/>
      <c r="M106" s="30"/>
      <c r="N106" s="30"/>
      <c r="O106" s="154" t="s">
        <v>439</v>
      </c>
      <c r="P106" s="155"/>
      <c r="Q106" s="435" t="s">
        <v>440</v>
      </c>
      <c r="R106" s="435"/>
      <c r="S106" s="435"/>
      <c r="T106" s="435"/>
      <c r="U106" s="156" t="s">
        <v>441</v>
      </c>
      <c r="V106" s="157"/>
      <c r="W106" s="156" t="s">
        <v>439</v>
      </c>
      <c r="X106" s="155"/>
      <c r="Y106" s="435" t="s">
        <v>440</v>
      </c>
      <c r="Z106" s="435"/>
      <c r="AA106" s="435"/>
      <c r="AB106" s="435"/>
      <c r="AC106" s="156" t="s">
        <v>441</v>
      </c>
      <c r="AD106" s="157"/>
      <c r="AE106" s="8"/>
      <c r="AF106" s="251"/>
      <c r="AG106" s="251"/>
      <c r="AH106" s="251"/>
      <c r="AI106" s="251"/>
      <c r="AJ106" s="251"/>
      <c r="AK106" s="251"/>
      <c r="AL106" s="251"/>
      <c r="AM106" s="116"/>
      <c r="AN106" s="251"/>
      <c r="AO106" s="251"/>
      <c r="AP106" s="251"/>
      <c r="AQ106" s="251"/>
      <c r="AR106" s="251"/>
      <c r="AS106" s="251"/>
      <c r="AT106" s="251"/>
      <c r="AU106" s="8"/>
      <c r="AV106" s="251"/>
      <c r="AW106" s="251"/>
      <c r="AX106" s="251"/>
      <c r="AY106" s="251"/>
      <c r="AZ106" s="251"/>
      <c r="BA106" s="251"/>
      <c r="BB106" s="115"/>
      <c r="BC106" s="251"/>
      <c r="BD106" s="251"/>
      <c r="BE106" s="251"/>
      <c r="BF106" s="251"/>
      <c r="BG106" s="251"/>
      <c r="BH106" s="251"/>
      <c r="BI106" s="251"/>
      <c r="BJ106" s="9"/>
    </row>
    <row r="107" spans="4:72" ht="16.5" customHeight="1">
      <c r="D107" s="62"/>
      <c r="E107" s="34"/>
      <c r="F107" s="439"/>
      <c r="G107" s="439"/>
      <c r="H107" s="439"/>
      <c r="I107" s="439"/>
      <c r="J107" s="439"/>
      <c r="K107" s="439"/>
      <c r="L107" s="439"/>
      <c r="M107" s="439"/>
      <c r="N107" s="439"/>
      <c r="O107" s="439"/>
      <c r="P107" s="439"/>
      <c r="Q107" s="439"/>
      <c r="R107" s="439"/>
      <c r="S107" s="439"/>
      <c r="T107" s="439"/>
      <c r="U107" s="439"/>
      <c r="V107" s="439"/>
      <c r="W107" s="439"/>
      <c r="X107" s="439"/>
      <c r="Y107" s="439"/>
      <c r="Z107" s="439"/>
      <c r="AA107" s="439"/>
      <c r="AB107" s="439"/>
      <c r="AC107" s="439"/>
      <c r="AD107" s="439"/>
      <c r="AE107" s="439"/>
      <c r="AF107" s="439"/>
      <c r="AG107" s="439"/>
      <c r="AH107" s="439"/>
      <c r="AI107" s="439"/>
      <c r="AJ107" s="439"/>
      <c r="AK107" s="439"/>
      <c r="AL107" s="439"/>
      <c r="AM107" s="439"/>
      <c r="AN107" s="439"/>
      <c r="AO107" s="439"/>
      <c r="AP107" s="439"/>
      <c r="AQ107" s="439"/>
      <c r="AR107" s="439"/>
      <c r="AS107" s="439"/>
      <c r="AT107" s="439"/>
      <c r="AU107" s="439"/>
      <c r="AV107" s="439"/>
      <c r="AW107" s="439"/>
      <c r="AX107" s="439"/>
      <c r="AY107" s="439"/>
      <c r="AZ107" s="439"/>
      <c r="BA107" s="439"/>
      <c r="BB107" s="439"/>
      <c r="BC107" s="439"/>
      <c r="BD107" s="439"/>
      <c r="BE107" s="439"/>
      <c r="BF107" s="439"/>
      <c r="BG107" s="439"/>
      <c r="BH107" s="439"/>
      <c r="BI107" s="439"/>
      <c r="BJ107" s="439"/>
      <c r="BK107" s="62"/>
    </row>
    <row r="108" spans="4:72" ht="16.5" customHeight="1">
      <c r="D108" s="62"/>
      <c r="E108" s="34"/>
      <c r="F108" s="439"/>
      <c r="G108" s="439"/>
      <c r="H108" s="439"/>
      <c r="I108" s="439"/>
      <c r="J108" s="439"/>
      <c r="K108" s="439"/>
      <c r="L108" s="439"/>
      <c r="M108" s="439"/>
      <c r="N108" s="439"/>
      <c r="O108" s="439"/>
      <c r="P108" s="439"/>
      <c r="Q108" s="439"/>
      <c r="R108" s="439"/>
      <c r="S108" s="439"/>
      <c r="T108" s="439"/>
      <c r="U108" s="439"/>
      <c r="V108" s="439"/>
      <c r="W108" s="439"/>
      <c r="X108" s="439"/>
      <c r="Y108" s="439"/>
      <c r="Z108" s="439"/>
      <c r="AA108" s="439"/>
      <c r="AB108" s="439"/>
      <c r="AC108" s="439"/>
      <c r="AD108" s="439"/>
      <c r="AE108" s="439"/>
      <c r="AF108" s="439"/>
      <c r="AG108" s="439"/>
      <c r="AH108" s="439"/>
      <c r="AI108" s="439"/>
      <c r="AJ108" s="439"/>
      <c r="AK108" s="439"/>
      <c r="AL108" s="439"/>
      <c r="AM108" s="439"/>
      <c r="AN108" s="439"/>
      <c r="AO108" s="439"/>
      <c r="AP108" s="439"/>
      <c r="AQ108" s="439"/>
      <c r="AR108" s="439"/>
      <c r="AS108" s="439"/>
      <c r="AT108" s="439"/>
      <c r="AU108" s="439"/>
      <c r="AV108" s="439"/>
      <c r="AW108" s="439"/>
      <c r="AX108" s="439"/>
      <c r="AY108" s="439"/>
      <c r="AZ108" s="439"/>
      <c r="BA108" s="439"/>
      <c r="BB108" s="439"/>
      <c r="BC108" s="439"/>
      <c r="BD108" s="439"/>
      <c r="BE108" s="439"/>
      <c r="BF108" s="439"/>
      <c r="BG108" s="439"/>
      <c r="BH108" s="439"/>
      <c r="BI108" s="439"/>
      <c r="BJ108" s="439"/>
      <c r="BK108" s="62"/>
    </row>
    <row r="109" spans="4:72" ht="17.25" customHeight="1">
      <c r="D109" s="211"/>
      <c r="E109" s="196"/>
      <c r="F109" s="211"/>
      <c r="G109" s="251"/>
      <c r="H109" s="251"/>
      <c r="I109" s="251"/>
      <c r="J109" s="251"/>
      <c r="K109" s="251"/>
      <c r="L109" s="251"/>
      <c r="M109" s="251"/>
      <c r="N109" s="251"/>
      <c r="O109" s="251"/>
      <c r="P109" s="251"/>
      <c r="Q109" s="251"/>
      <c r="R109" s="251"/>
      <c r="S109" s="251"/>
      <c r="T109" s="251"/>
      <c r="U109" s="251"/>
      <c r="V109" s="251"/>
      <c r="W109" s="251"/>
      <c r="X109" s="251"/>
      <c r="Y109" s="251"/>
      <c r="Z109" s="224"/>
      <c r="AA109" s="196"/>
      <c r="AB109" s="117"/>
      <c r="AC109" s="150"/>
      <c r="AD109" s="224"/>
      <c r="AE109" s="224"/>
      <c r="AF109" s="151"/>
      <c r="AG109" s="151"/>
      <c r="AH109" s="150"/>
      <c r="AI109" s="224"/>
      <c r="AJ109" s="224"/>
      <c r="AK109" s="151"/>
      <c r="AL109" s="151"/>
      <c r="AM109" s="150"/>
      <c r="AN109" s="224"/>
      <c r="AO109" s="224"/>
      <c r="AP109" s="151"/>
      <c r="AQ109" s="151"/>
      <c r="AR109" s="150"/>
      <c r="AS109" s="224"/>
      <c r="AT109" s="224"/>
      <c r="AU109" s="151"/>
      <c r="AV109" s="151"/>
      <c r="AW109" s="150"/>
      <c r="AX109" s="224"/>
      <c r="AY109" s="224"/>
      <c r="AZ109" s="151"/>
      <c r="BA109" s="151"/>
      <c r="BB109" s="150"/>
      <c r="BC109" s="224"/>
      <c r="BD109" s="224"/>
      <c r="BE109" s="151"/>
      <c r="BF109" s="151"/>
      <c r="BG109" s="150"/>
      <c r="BH109" s="224"/>
      <c r="BI109" s="224"/>
      <c r="BJ109" s="151"/>
      <c r="BK109" s="147"/>
      <c r="BL109" s="144"/>
      <c r="BM109" s="200"/>
      <c r="BN109" s="200"/>
      <c r="BQ109" s="260"/>
      <c r="BR109" s="260"/>
      <c r="BS109" s="260"/>
      <c r="BT109" s="260"/>
    </row>
    <row r="110" spans="4:72" ht="25.5" customHeight="1">
      <c r="D110" s="8" t="s">
        <v>7</v>
      </c>
      <c r="E110" s="275" t="s">
        <v>382</v>
      </c>
      <c r="F110" s="275"/>
      <c r="G110" s="440" t="s">
        <v>263</v>
      </c>
      <c r="H110" s="440"/>
      <c r="I110" s="440"/>
      <c r="J110" s="440"/>
      <c r="K110" s="440"/>
      <c r="L110" s="440"/>
      <c r="M110" s="440"/>
      <c r="N110" s="440"/>
      <c r="O110" s="440"/>
      <c r="P110" s="440"/>
      <c r="Q110" s="440"/>
      <c r="R110" s="440"/>
      <c r="S110" s="440"/>
      <c r="T110" s="440"/>
      <c r="U110" s="440"/>
      <c r="V110" s="440"/>
      <c r="W110" s="440"/>
      <c r="X110" s="440"/>
      <c r="Y110" s="440"/>
      <c r="Z110" s="39"/>
      <c r="AA110" s="38"/>
      <c r="AB110" s="38" t="s">
        <v>265</v>
      </c>
      <c r="AC110" s="38"/>
      <c r="AD110" s="38"/>
      <c r="AE110" s="38"/>
      <c r="AF110" s="38"/>
      <c r="AG110" s="38"/>
      <c r="AH110" s="38"/>
      <c r="AI110" s="38"/>
      <c r="AJ110" s="38"/>
      <c r="AK110" s="38"/>
      <c r="AL110" s="38"/>
      <c r="AM110" s="38"/>
      <c r="AN110" s="38"/>
      <c r="AO110" s="38"/>
      <c r="AP110" s="38"/>
      <c r="AQ110" s="38"/>
      <c r="AR110" s="38"/>
      <c r="AS110" s="38"/>
      <c r="AT110" s="38"/>
      <c r="AU110" s="38"/>
      <c r="AV110" s="38"/>
      <c r="AW110" s="38"/>
      <c r="AX110" s="38"/>
      <c r="AY110" s="38"/>
      <c r="AZ110" s="38"/>
      <c r="BA110" s="38"/>
      <c r="BB110" s="38"/>
      <c r="BC110" s="38"/>
      <c r="BD110" s="38"/>
      <c r="BE110" s="38"/>
      <c r="BF110" s="38"/>
      <c r="BG110" s="38"/>
      <c r="BH110" s="38"/>
      <c r="BI110" s="38"/>
      <c r="BJ110" s="38"/>
      <c r="BK110" s="143"/>
      <c r="BL110" s="144"/>
      <c r="BM110" s="200"/>
      <c r="BN110" s="200"/>
    </row>
    <row r="111" spans="4:72" ht="25.5" customHeight="1">
      <c r="D111" s="8" t="s">
        <v>7</v>
      </c>
      <c r="E111" s="275" t="s">
        <v>383</v>
      </c>
      <c r="F111" s="275"/>
      <c r="G111" s="440" t="s">
        <v>264</v>
      </c>
      <c r="H111" s="440"/>
      <c r="I111" s="440"/>
      <c r="J111" s="440"/>
      <c r="K111" s="440"/>
      <c r="L111" s="440"/>
      <c r="M111" s="440"/>
      <c r="N111" s="440"/>
      <c r="O111" s="440"/>
      <c r="P111" s="440"/>
      <c r="Q111" s="440"/>
      <c r="R111" s="440"/>
      <c r="S111" s="440"/>
      <c r="T111" s="440"/>
      <c r="U111" s="440"/>
      <c r="V111" s="440"/>
      <c r="W111" s="440"/>
      <c r="X111" s="440"/>
      <c r="Y111" s="440"/>
      <c r="Z111" s="39"/>
      <c r="AA111" s="38"/>
      <c r="AB111" s="38" t="s">
        <v>266</v>
      </c>
      <c r="AC111" s="38"/>
      <c r="AD111" s="38"/>
      <c r="AE111" s="38"/>
      <c r="AF111" s="38"/>
      <c r="AG111" s="38"/>
      <c r="AH111" s="38"/>
      <c r="AI111" s="38"/>
      <c r="AJ111" s="389"/>
      <c r="AK111" s="389"/>
      <c r="AL111" s="389"/>
      <c r="AM111" s="38" t="s">
        <v>267</v>
      </c>
      <c r="AN111" s="145"/>
      <c r="AO111" s="146"/>
      <c r="AP111" s="244"/>
      <c r="AQ111" s="244"/>
      <c r="AR111" s="38"/>
      <c r="AS111" s="38"/>
      <c r="AT111" s="38" t="s">
        <v>268</v>
      </c>
      <c r="AU111" s="38"/>
      <c r="AV111" s="38"/>
      <c r="AW111" s="38"/>
      <c r="AX111" s="38"/>
      <c r="AY111" s="38"/>
      <c r="AZ111" s="389"/>
      <c r="BA111" s="389"/>
      <c r="BB111" s="389"/>
      <c r="BC111" s="38" t="s">
        <v>267</v>
      </c>
      <c r="BD111" s="145"/>
      <c r="BE111" s="146"/>
      <c r="BF111" s="38"/>
      <c r="BG111" s="38"/>
      <c r="BH111" s="38"/>
      <c r="BI111" s="38"/>
      <c r="BJ111" s="38"/>
      <c r="BK111" s="6"/>
    </row>
    <row r="112" spans="4:72" ht="16.5" customHeight="1">
      <c r="D112" s="62"/>
      <c r="E112" s="34"/>
      <c r="F112" s="231"/>
      <c r="G112" s="231"/>
      <c r="H112" s="231"/>
      <c r="I112" s="231"/>
      <c r="J112" s="231"/>
      <c r="K112" s="231"/>
      <c r="L112" s="231"/>
      <c r="M112" s="231"/>
      <c r="N112" s="231"/>
      <c r="O112" s="231"/>
      <c r="P112" s="231"/>
      <c r="Q112" s="231"/>
      <c r="R112" s="231"/>
      <c r="S112" s="231"/>
      <c r="T112" s="231"/>
      <c r="U112" s="231"/>
      <c r="V112" s="231"/>
      <c r="W112" s="231"/>
      <c r="X112" s="231"/>
      <c r="Y112" s="231"/>
      <c r="Z112" s="231"/>
      <c r="AA112" s="231"/>
      <c r="AB112" s="231"/>
      <c r="AC112" s="231"/>
      <c r="AD112" s="231"/>
      <c r="AE112" s="231"/>
      <c r="AF112" s="231"/>
      <c r="AG112" s="231"/>
      <c r="AH112" s="231"/>
      <c r="AI112" s="231"/>
      <c r="AJ112" s="231"/>
      <c r="AK112" s="231"/>
      <c r="AL112" s="231"/>
      <c r="AM112" s="231"/>
      <c r="AN112" s="231"/>
      <c r="AO112" s="231"/>
      <c r="AP112" s="231"/>
      <c r="AQ112" s="231"/>
      <c r="AR112" s="231"/>
      <c r="AS112" s="231"/>
      <c r="AT112" s="231"/>
      <c r="AU112" s="231"/>
      <c r="AV112" s="231"/>
      <c r="AW112" s="231"/>
      <c r="AX112" s="231"/>
      <c r="AY112" s="231"/>
      <c r="AZ112" s="231"/>
      <c r="BA112" s="231"/>
      <c r="BB112" s="231"/>
      <c r="BC112" s="231"/>
      <c r="BD112" s="231"/>
      <c r="BE112" s="231"/>
      <c r="BF112" s="231"/>
      <c r="BG112" s="231"/>
      <c r="BH112" s="231"/>
      <c r="BI112" s="231"/>
      <c r="BJ112" s="231"/>
      <c r="BK112" s="62"/>
    </row>
    <row r="113" spans="4:66" ht="15" customHeight="1">
      <c r="D113" s="191"/>
      <c r="E113" s="277" t="s">
        <v>490</v>
      </c>
      <c r="F113" s="277"/>
      <c r="G113" s="192"/>
      <c r="H113" s="192" t="s">
        <v>272</v>
      </c>
      <c r="I113" s="192"/>
      <c r="J113" s="192"/>
      <c r="K113" s="192"/>
      <c r="L113" s="192"/>
      <c r="M113" s="192"/>
      <c r="N113" s="192"/>
      <c r="O113" s="192"/>
      <c r="P113" s="192"/>
      <c r="Q113" s="192"/>
      <c r="R113" s="192"/>
      <c r="S113" s="192"/>
      <c r="T113" s="192"/>
      <c r="U113" s="192"/>
      <c r="V113" s="192"/>
      <c r="W113" s="192"/>
      <c r="X113" s="192"/>
      <c r="Y113" s="192"/>
      <c r="Z113" s="192"/>
      <c r="AA113" s="192"/>
      <c r="AB113" s="192"/>
      <c r="AC113" s="192"/>
      <c r="AD113" s="192"/>
      <c r="AE113" s="192"/>
      <c r="AF113" s="192"/>
      <c r="AG113" s="192"/>
      <c r="AH113" s="192"/>
      <c r="AI113" s="192"/>
      <c r="AJ113" s="192"/>
      <c r="AK113" s="192"/>
      <c r="AL113" s="192"/>
      <c r="AM113" s="192"/>
      <c r="AN113" s="192"/>
      <c r="AO113" s="192"/>
      <c r="AP113" s="192"/>
      <c r="AQ113" s="192"/>
      <c r="AR113" s="192"/>
      <c r="AS113" s="192"/>
      <c r="AT113" s="192"/>
      <c r="AU113" s="192"/>
      <c r="AV113" s="192"/>
      <c r="AW113" s="192"/>
      <c r="AX113" s="192"/>
      <c r="AY113" s="192"/>
      <c r="AZ113" s="192"/>
      <c r="BA113" s="192"/>
      <c r="BB113" s="192"/>
      <c r="BC113" s="277"/>
      <c r="BD113" s="277"/>
      <c r="BE113" s="277"/>
      <c r="BF113" s="277"/>
      <c r="BG113" s="192" t="s">
        <v>71</v>
      </c>
      <c r="BH113" s="192"/>
      <c r="BI113" s="192"/>
      <c r="BJ113" s="192"/>
      <c r="BK113" s="249"/>
      <c r="BL113" s="249"/>
      <c r="BM113" s="249"/>
      <c r="BN113" s="3"/>
    </row>
    <row r="114" spans="4:66" ht="15" customHeight="1">
      <c r="D114" s="262"/>
      <c r="E114" s="188"/>
      <c r="F114" s="188"/>
      <c r="G114" s="239"/>
      <c r="I114" s="235" t="s">
        <v>484</v>
      </c>
      <c r="J114" s="441" t="s">
        <v>485</v>
      </c>
      <c r="K114" s="441"/>
      <c r="L114" s="441"/>
      <c r="M114" s="441"/>
      <c r="N114" s="441"/>
      <c r="O114" s="441"/>
      <c r="P114" s="441"/>
      <c r="Q114" s="441"/>
      <c r="R114" s="441"/>
      <c r="S114" s="441"/>
      <c r="T114" s="441"/>
      <c r="U114" s="441"/>
      <c r="V114" s="441"/>
      <c r="W114" s="441"/>
      <c r="X114" s="441"/>
      <c r="Y114" s="441"/>
      <c r="Z114" s="441"/>
      <c r="AA114" s="441"/>
      <c r="AB114" s="441"/>
      <c r="AC114" s="441"/>
      <c r="AD114" s="441"/>
      <c r="AE114" s="441"/>
      <c r="AF114" s="441"/>
      <c r="AG114" s="441"/>
      <c r="AH114" s="441"/>
      <c r="AI114" s="441"/>
      <c r="AJ114" s="441"/>
      <c r="AK114" s="441"/>
      <c r="AL114" s="441"/>
      <c r="AM114" s="441"/>
      <c r="AN114" s="441"/>
      <c r="AO114" s="441"/>
      <c r="AP114" s="441"/>
      <c r="AQ114" s="441"/>
      <c r="AR114" s="441"/>
      <c r="AS114" s="441"/>
      <c r="AT114" s="441"/>
      <c r="AU114" s="441"/>
      <c r="AV114" s="441"/>
      <c r="AW114" s="441"/>
      <c r="AX114" s="441"/>
      <c r="AY114" s="441"/>
      <c r="AZ114" s="441"/>
      <c r="BA114" s="441"/>
      <c r="BB114" s="441"/>
      <c r="BC114" s="441"/>
      <c r="BD114" s="441"/>
      <c r="BE114" s="441"/>
      <c r="BF114" s="441"/>
      <c r="BG114" s="441"/>
      <c r="BH114" s="239"/>
      <c r="BI114" s="239"/>
      <c r="BJ114" s="239"/>
      <c r="BN114" s="7"/>
    </row>
    <row r="115" spans="4:66" ht="15" customHeight="1">
      <c r="D115" s="262"/>
      <c r="E115" s="188"/>
      <c r="F115" s="188"/>
      <c r="G115" s="239"/>
      <c r="H115" s="239"/>
      <c r="I115" s="239"/>
      <c r="J115" s="441"/>
      <c r="K115" s="441"/>
      <c r="L115" s="441"/>
      <c r="M115" s="441"/>
      <c r="N115" s="441"/>
      <c r="O115" s="441"/>
      <c r="P115" s="441"/>
      <c r="Q115" s="441"/>
      <c r="R115" s="441"/>
      <c r="S115" s="441"/>
      <c r="T115" s="441"/>
      <c r="U115" s="441"/>
      <c r="V115" s="441"/>
      <c r="W115" s="441"/>
      <c r="X115" s="441"/>
      <c r="Y115" s="441"/>
      <c r="Z115" s="441"/>
      <c r="AA115" s="441"/>
      <c r="AB115" s="441"/>
      <c r="AC115" s="441"/>
      <c r="AD115" s="441"/>
      <c r="AE115" s="441"/>
      <c r="AF115" s="441"/>
      <c r="AG115" s="441"/>
      <c r="AH115" s="441"/>
      <c r="AI115" s="441"/>
      <c r="AJ115" s="441"/>
      <c r="AK115" s="441"/>
      <c r="AL115" s="441"/>
      <c r="AM115" s="441"/>
      <c r="AN115" s="441"/>
      <c r="AO115" s="441"/>
      <c r="AP115" s="441"/>
      <c r="AQ115" s="441"/>
      <c r="AR115" s="441"/>
      <c r="AS115" s="441"/>
      <c r="AT115" s="441"/>
      <c r="AU115" s="441"/>
      <c r="AV115" s="441"/>
      <c r="AW115" s="441"/>
      <c r="AX115" s="441"/>
      <c r="AY115" s="441"/>
      <c r="AZ115" s="441"/>
      <c r="BA115" s="441"/>
      <c r="BB115" s="441"/>
      <c r="BC115" s="441"/>
      <c r="BD115" s="441"/>
      <c r="BE115" s="441"/>
      <c r="BF115" s="441"/>
      <c r="BG115" s="441"/>
      <c r="BH115" s="239"/>
      <c r="BI115" s="239"/>
      <c r="BJ115" s="239"/>
      <c r="BN115" s="7"/>
    </row>
    <row r="116" spans="4:66" ht="15" customHeight="1">
      <c r="D116" s="262"/>
      <c r="E116" s="188"/>
      <c r="F116" s="188"/>
      <c r="G116" s="239"/>
      <c r="H116" s="239"/>
      <c r="I116" s="239"/>
      <c r="J116" s="441"/>
      <c r="K116" s="441"/>
      <c r="L116" s="441"/>
      <c r="M116" s="441"/>
      <c r="N116" s="441"/>
      <c r="O116" s="441"/>
      <c r="P116" s="441"/>
      <c r="Q116" s="441"/>
      <c r="R116" s="441"/>
      <c r="S116" s="441"/>
      <c r="T116" s="441"/>
      <c r="U116" s="441"/>
      <c r="V116" s="441"/>
      <c r="W116" s="441"/>
      <c r="X116" s="441"/>
      <c r="Y116" s="441"/>
      <c r="Z116" s="441"/>
      <c r="AA116" s="441"/>
      <c r="AB116" s="441"/>
      <c r="AC116" s="441"/>
      <c r="AD116" s="441"/>
      <c r="AE116" s="441"/>
      <c r="AF116" s="441"/>
      <c r="AG116" s="441"/>
      <c r="AH116" s="441"/>
      <c r="AI116" s="441"/>
      <c r="AJ116" s="441"/>
      <c r="AK116" s="441"/>
      <c r="AL116" s="441"/>
      <c r="AM116" s="441"/>
      <c r="AN116" s="441"/>
      <c r="AO116" s="441"/>
      <c r="AP116" s="441"/>
      <c r="AQ116" s="441"/>
      <c r="AR116" s="441"/>
      <c r="AS116" s="441"/>
      <c r="AT116" s="441"/>
      <c r="AU116" s="441"/>
      <c r="AV116" s="441"/>
      <c r="AW116" s="441"/>
      <c r="AX116" s="441"/>
      <c r="AY116" s="441"/>
      <c r="AZ116" s="441"/>
      <c r="BA116" s="441"/>
      <c r="BB116" s="441"/>
      <c r="BC116" s="441"/>
      <c r="BD116" s="441"/>
      <c r="BE116" s="441"/>
      <c r="BF116" s="441"/>
      <c r="BG116" s="441"/>
      <c r="BH116" s="239"/>
      <c r="BI116" s="239"/>
      <c r="BJ116" s="239"/>
      <c r="BN116" s="7"/>
    </row>
    <row r="117" spans="4:66" ht="15" customHeight="1">
      <c r="D117" s="262"/>
      <c r="E117" s="239"/>
      <c r="F117" s="46"/>
      <c r="H117" s="239" t="s">
        <v>442</v>
      </c>
      <c r="I117" s="239"/>
      <c r="J117" s="239"/>
      <c r="K117" s="239"/>
      <c r="L117" s="239"/>
      <c r="M117" s="239" t="s">
        <v>499</v>
      </c>
      <c r="N117" s="239"/>
      <c r="O117" s="239"/>
      <c r="P117" s="239"/>
      <c r="Q117" s="239"/>
      <c r="R117" s="239"/>
      <c r="S117" s="239"/>
      <c r="T117" s="239"/>
      <c r="U117" s="239"/>
      <c r="V117" s="239"/>
      <c r="W117" s="239"/>
      <c r="X117" s="239"/>
      <c r="Y117" s="239"/>
      <c r="Z117" s="239"/>
      <c r="AA117" s="239"/>
      <c r="AB117" s="239"/>
      <c r="AC117" s="239"/>
      <c r="AD117" s="239"/>
      <c r="AE117" s="239"/>
      <c r="AF117" s="239"/>
      <c r="AG117" s="239"/>
      <c r="AH117" s="239"/>
      <c r="AI117" s="239"/>
      <c r="AJ117" s="239"/>
      <c r="AK117" s="239"/>
      <c r="AL117" s="239"/>
      <c r="AM117" s="239"/>
      <c r="AN117" s="239"/>
      <c r="AO117" s="308"/>
      <c r="AP117" s="308"/>
      <c r="AQ117" s="308"/>
      <c r="AR117" s="308"/>
      <c r="BG117" s="239" t="s">
        <v>71</v>
      </c>
      <c r="BH117" s="239"/>
      <c r="BI117" s="239"/>
      <c r="BJ117" s="239"/>
      <c r="BN117" s="7"/>
    </row>
    <row r="118" spans="4:66" ht="5.0999999999999996" customHeight="1">
      <c r="D118" s="262"/>
      <c r="E118" s="239"/>
      <c r="F118" s="46"/>
      <c r="H118" s="239"/>
      <c r="I118" s="239"/>
      <c r="J118" s="239"/>
      <c r="K118" s="239"/>
      <c r="L118" s="239"/>
      <c r="M118" s="239"/>
      <c r="N118" s="239"/>
      <c r="O118" s="239"/>
      <c r="P118" s="239"/>
      <c r="Q118" s="239"/>
      <c r="R118" s="239"/>
      <c r="S118" s="239"/>
      <c r="T118" s="239"/>
      <c r="U118" s="239"/>
      <c r="V118" s="239"/>
      <c r="W118" s="239"/>
      <c r="X118" s="239"/>
      <c r="Y118" s="239"/>
      <c r="Z118" s="239"/>
      <c r="AA118" s="239"/>
      <c r="AB118" s="239"/>
      <c r="AC118" s="239"/>
      <c r="AD118" s="239"/>
      <c r="AE118" s="239"/>
      <c r="AF118" s="239"/>
      <c r="AG118" s="239"/>
      <c r="AH118" s="239"/>
      <c r="AI118" s="239"/>
      <c r="AJ118" s="239"/>
      <c r="AK118" s="239"/>
      <c r="AL118" s="239"/>
      <c r="AM118" s="239"/>
      <c r="AN118" s="239"/>
      <c r="AO118" s="188"/>
      <c r="AP118" s="188"/>
      <c r="AQ118" s="188"/>
      <c r="AR118" s="188"/>
      <c r="BG118" s="239"/>
      <c r="BH118" s="239"/>
      <c r="BI118" s="239"/>
      <c r="BJ118" s="239"/>
      <c r="BN118" s="7"/>
    </row>
    <row r="119" spans="4:66" ht="15" customHeight="1">
      <c r="D119" s="262"/>
      <c r="E119" s="239"/>
      <c r="F119" s="46"/>
      <c r="H119" s="153"/>
      <c r="I119" s="153"/>
      <c r="J119" s="153"/>
      <c r="K119" s="153"/>
      <c r="L119" s="153"/>
      <c r="M119" s="239" t="s">
        <v>500</v>
      </c>
      <c r="N119" s="239"/>
      <c r="O119" s="153"/>
      <c r="P119" s="153"/>
      <c r="Q119" s="153"/>
      <c r="R119" s="153"/>
      <c r="S119" s="239"/>
      <c r="T119" s="153"/>
      <c r="U119" s="153"/>
      <c r="V119" s="239"/>
      <c r="W119" s="239"/>
      <c r="X119" s="239"/>
      <c r="Y119" s="239"/>
      <c r="Z119" s="239"/>
      <c r="AA119" s="239"/>
      <c r="AB119" s="239"/>
      <c r="AC119" s="239"/>
      <c r="AD119" s="239"/>
      <c r="AE119" s="239"/>
      <c r="AF119" s="239"/>
      <c r="AG119" s="239"/>
      <c r="AH119" s="239"/>
      <c r="AI119" s="239"/>
      <c r="AJ119" s="239"/>
      <c r="AK119" s="239"/>
      <c r="AL119" s="239"/>
      <c r="AM119" s="239"/>
      <c r="AN119" s="239"/>
      <c r="AO119" s="188"/>
      <c r="AP119" s="188"/>
      <c r="AQ119" s="188"/>
      <c r="AR119" s="188"/>
      <c r="BG119" s="239" t="s">
        <v>71</v>
      </c>
      <c r="BH119" s="239"/>
      <c r="BI119" s="239"/>
      <c r="BJ119" s="239"/>
      <c r="BN119" s="7"/>
    </row>
    <row r="120" spans="4:66" ht="5.0999999999999996" customHeight="1">
      <c r="D120" s="262"/>
      <c r="E120" s="239"/>
      <c r="F120" s="46"/>
      <c r="H120" s="153"/>
      <c r="I120" s="153"/>
      <c r="J120" s="153"/>
      <c r="K120" s="153"/>
      <c r="L120" s="153"/>
      <c r="M120" s="239"/>
      <c r="N120" s="239"/>
      <c r="O120" s="153"/>
      <c r="P120" s="153"/>
      <c r="Q120" s="153"/>
      <c r="R120" s="153"/>
      <c r="S120" s="239"/>
      <c r="T120" s="153"/>
      <c r="U120" s="153"/>
      <c r="V120" s="239"/>
      <c r="W120" s="239"/>
      <c r="X120" s="239"/>
      <c r="Y120" s="239"/>
      <c r="Z120" s="239"/>
      <c r="AA120" s="239"/>
      <c r="AB120" s="239"/>
      <c r="AC120" s="239"/>
      <c r="AD120" s="239"/>
      <c r="AE120" s="239"/>
      <c r="AF120" s="239"/>
      <c r="AG120" s="239"/>
      <c r="AH120" s="239"/>
      <c r="AI120" s="239"/>
      <c r="AJ120" s="239"/>
      <c r="AK120" s="239"/>
      <c r="AL120" s="239"/>
      <c r="AM120" s="239"/>
      <c r="AN120" s="239"/>
      <c r="AO120" s="188"/>
      <c r="AP120" s="188"/>
      <c r="AQ120" s="188"/>
      <c r="AR120" s="188"/>
      <c r="BG120" s="239"/>
      <c r="BH120" s="239"/>
      <c r="BI120" s="239"/>
      <c r="BJ120" s="239"/>
      <c r="BN120" s="7"/>
    </row>
    <row r="121" spans="4:66" ht="15" customHeight="1">
      <c r="D121" s="262"/>
      <c r="E121" s="239"/>
      <c r="F121" s="46"/>
      <c r="H121" s="153"/>
      <c r="I121" s="153"/>
      <c r="J121" s="153"/>
      <c r="K121" s="153"/>
      <c r="L121" s="153"/>
      <c r="M121" s="250" t="s">
        <v>501</v>
      </c>
      <c r="O121" s="153"/>
      <c r="P121" s="153"/>
      <c r="Q121" s="153"/>
      <c r="R121" s="153"/>
      <c r="T121" s="153"/>
      <c r="U121" s="153"/>
      <c r="V121" s="239"/>
      <c r="X121" s="239"/>
      <c r="Y121" s="239"/>
      <c r="Z121" s="239"/>
      <c r="AA121" s="239"/>
      <c r="AB121" s="239"/>
      <c r="AC121" s="239"/>
      <c r="AD121" s="239"/>
      <c r="AE121" s="239"/>
      <c r="AF121" s="239"/>
      <c r="AG121" s="239"/>
      <c r="AH121" s="239"/>
      <c r="AI121" s="239"/>
      <c r="AJ121" s="239"/>
      <c r="AK121" s="239"/>
      <c r="AL121" s="239"/>
      <c r="AM121" s="239"/>
      <c r="AN121" s="239"/>
      <c r="AO121" s="158"/>
      <c r="AP121" s="158"/>
      <c r="AQ121" s="158"/>
      <c r="AR121" s="158"/>
      <c r="BG121" s="239" t="s">
        <v>71</v>
      </c>
      <c r="BH121" s="239"/>
      <c r="BI121" s="239"/>
      <c r="BJ121" s="239"/>
      <c r="BN121" s="7"/>
    </row>
    <row r="122" spans="4:66" ht="5.0999999999999996" customHeight="1">
      <c r="D122" s="262"/>
      <c r="E122" s="239"/>
      <c r="F122" s="46"/>
      <c r="H122" s="153"/>
      <c r="I122" s="153"/>
      <c r="J122" s="153"/>
      <c r="K122" s="153"/>
      <c r="L122" s="153"/>
      <c r="O122" s="153"/>
      <c r="P122" s="153"/>
      <c r="Q122" s="153"/>
      <c r="R122" s="153"/>
      <c r="T122" s="153"/>
      <c r="U122" s="153"/>
      <c r="V122" s="239"/>
      <c r="X122" s="239"/>
      <c r="Y122" s="239"/>
      <c r="Z122" s="239"/>
      <c r="AA122" s="239"/>
      <c r="AB122" s="239"/>
      <c r="AC122" s="239"/>
      <c r="AD122" s="239"/>
      <c r="AE122" s="239"/>
      <c r="AF122" s="239"/>
      <c r="AG122" s="239"/>
      <c r="AH122" s="239"/>
      <c r="AI122" s="239"/>
      <c r="AJ122" s="239"/>
      <c r="AK122" s="239"/>
      <c r="AL122" s="239"/>
      <c r="AM122" s="239"/>
      <c r="AN122" s="239"/>
      <c r="AO122" s="158"/>
      <c r="AP122" s="158"/>
      <c r="AQ122" s="158"/>
      <c r="AR122" s="158"/>
      <c r="BG122" s="239"/>
      <c r="BH122" s="239"/>
      <c r="BI122" s="239"/>
      <c r="BJ122" s="239"/>
      <c r="BN122" s="7"/>
    </row>
    <row r="123" spans="4:66" ht="15" customHeight="1">
      <c r="D123" s="262"/>
      <c r="E123" s="239"/>
      <c r="F123" s="46"/>
      <c r="H123" s="153"/>
      <c r="I123" s="153"/>
      <c r="J123" s="153"/>
      <c r="K123" s="153"/>
      <c r="L123" s="153"/>
      <c r="M123" s="250" t="s">
        <v>502</v>
      </c>
      <c r="O123" s="153"/>
      <c r="P123" s="153"/>
      <c r="Q123" s="153"/>
      <c r="R123" s="153"/>
      <c r="T123" s="153"/>
      <c r="U123" s="153"/>
      <c r="X123" s="239"/>
      <c r="Y123" s="239"/>
      <c r="Z123" s="239"/>
      <c r="AA123" s="239"/>
      <c r="AB123" s="239"/>
      <c r="AC123" s="239"/>
      <c r="AD123" s="239"/>
      <c r="AE123" s="239"/>
      <c r="AF123" s="239"/>
      <c r="AG123" s="239"/>
      <c r="AH123" s="239"/>
      <c r="AI123" s="239"/>
      <c r="AJ123" s="239"/>
      <c r="AK123" s="239"/>
      <c r="AL123" s="239"/>
      <c r="AM123" s="239"/>
      <c r="AN123" s="239"/>
      <c r="AO123" s="158"/>
      <c r="AP123" s="158"/>
      <c r="AQ123" s="158"/>
      <c r="AR123" s="158"/>
      <c r="BG123" s="239" t="s">
        <v>71</v>
      </c>
      <c r="BH123" s="239"/>
      <c r="BI123" s="239"/>
      <c r="BJ123" s="239"/>
      <c r="BN123" s="7"/>
    </row>
    <row r="124" spans="4:66" ht="5.0999999999999996" customHeight="1">
      <c r="D124" s="262"/>
      <c r="E124" s="239"/>
      <c r="F124" s="46"/>
      <c r="H124" s="153"/>
      <c r="I124" s="153"/>
      <c r="J124" s="153"/>
      <c r="K124" s="153"/>
      <c r="L124" s="153"/>
      <c r="M124" s="264"/>
      <c r="O124" s="153"/>
      <c r="P124" s="153"/>
      <c r="Q124" s="153"/>
      <c r="R124" s="153"/>
      <c r="T124" s="153"/>
      <c r="U124" s="153"/>
      <c r="V124" s="239"/>
      <c r="X124" s="239"/>
      <c r="Y124" s="239"/>
      <c r="Z124" s="239"/>
      <c r="AA124" s="239"/>
      <c r="AB124" s="239"/>
      <c r="AC124" s="239"/>
      <c r="AD124" s="239"/>
      <c r="AE124" s="239"/>
      <c r="AF124" s="239"/>
      <c r="AG124" s="239"/>
      <c r="AH124" s="239"/>
      <c r="AI124" s="239"/>
      <c r="AJ124" s="239"/>
      <c r="AK124" s="239"/>
      <c r="AL124" s="239"/>
      <c r="AM124" s="239"/>
      <c r="AN124" s="239"/>
      <c r="AO124" s="158"/>
      <c r="AP124" s="158"/>
      <c r="AQ124" s="158"/>
      <c r="AR124" s="158"/>
      <c r="BG124" s="265"/>
      <c r="BH124" s="239"/>
      <c r="BI124" s="239"/>
      <c r="BJ124" s="239"/>
      <c r="BN124" s="7"/>
    </row>
    <row r="125" spans="4:66" ht="15" customHeight="1">
      <c r="D125" s="262"/>
      <c r="E125" s="239"/>
      <c r="F125" s="46"/>
      <c r="H125" s="239"/>
      <c r="I125" s="239"/>
      <c r="J125" s="239"/>
      <c r="K125" s="239"/>
      <c r="L125" s="239"/>
      <c r="M125" s="239" t="s">
        <v>503</v>
      </c>
      <c r="N125" s="239"/>
      <c r="O125" s="239"/>
      <c r="P125" s="239"/>
      <c r="Q125" s="239"/>
      <c r="R125" s="239"/>
      <c r="S125" s="239"/>
      <c r="T125" s="239"/>
      <c r="U125" s="239"/>
      <c r="V125" s="239"/>
      <c r="X125" s="239"/>
      <c r="Y125" s="239"/>
      <c r="Z125" s="239"/>
      <c r="AA125" s="239"/>
      <c r="AB125" s="239"/>
      <c r="AC125" s="239"/>
      <c r="AD125" s="239"/>
      <c r="AE125" s="239"/>
      <c r="AF125" s="239"/>
      <c r="AG125" s="239"/>
      <c r="AH125" s="239"/>
      <c r="AI125" s="239"/>
      <c r="AJ125" s="239"/>
      <c r="AK125" s="239"/>
      <c r="AL125" s="239"/>
      <c r="AM125" s="239"/>
      <c r="AN125" s="239"/>
      <c r="AO125" s="158"/>
      <c r="AP125" s="158"/>
      <c r="AQ125" s="158"/>
      <c r="AR125" s="158"/>
      <c r="BG125" s="239" t="s">
        <v>71</v>
      </c>
      <c r="BH125" s="239"/>
      <c r="BI125" s="239"/>
      <c r="BJ125" s="239"/>
      <c r="BN125" s="7"/>
    </row>
    <row r="126" spans="4:66" ht="5.0999999999999996" customHeight="1">
      <c r="D126" s="262"/>
      <c r="E126" s="239"/>
      <c r="F126" s="46"/>
      <c r="H126" s="239"/>
      <c r="I126" s="239"/>
      <c r="J126" s="239"/>
      <c r="K126" s="239"/>
      <c r="L126" s="239"/>
      <c r="M126" s="239"/>
      <c r="N126" s="239"/>
      <c r="O126" s="239"/>
      <c r="P126" s="239"/>
      <c r="Q126" s="239"/>
      <c r="R126" s="239"/>
      <c r="S126" s="239"/>
      <c r="T126" s="239"/>
      <c r="U126" s="239"/>
      <c r="V126" s="239"/>
      <c r="X126" s="239"/>
      <c r="Y126" s="239"/>
      <c r="Z126" s="239"/>
      <c r="AA126" s="239"/>
      <c r="AB126" s="239"/>
      <c r="AC126" s="239"/>
      <c r="AD126" s="239"/>
      <c r="AE126" s="239"/>
      <c r="AF126" s="239"/>
      <c r="AG126" s="239"/>
      <c r="AH126" s="239"/>
      <c r="AI126" s="239"/>
      <c r="AJ126" s="239"/>
      <c r="AK126" s="239"/>
      <c r="AL126" s="239"/>
      <c r="AM126" s="239"/>
      <c r="AN126" s="239"/>
      <c r="AO126" s="158"/>
      <c r="AP126" s="158"/>
      <c r="AQ126" s="158"/>
      <c r="AR126" s="158"/>
      <c r="BG126" s="239"/>
      <c r="BH126" s="239"/>
      <c r="BI126" s="239"/>
      <c r="BJ126" s="239"/>
      <c r="BN126" s="7"/>
    </row>
    <row r="127" spans="4:66" ht="14.1" customHeight="1">
      <c r="D127" s="262"/>
      <c r="E127" s="239"/>
      <c r="F127" s="46"/>
      <c r="H127" s="239"/>
      <c r="I127" s="239"/>
      <c r="J127" s="239"/>
      <c r="K127" s="239"/>
      <c r="L127" s="239"/>
      <c r="M127" s="441" t="s">
        <v>504</v>
      </c>
      <c r="N127" s="441"/>
      <c r="O127" s="441"/>
      <c r="P127" s="441"/>
      <c r="Q127" s="441"/>
      <c r="R127" s="441"/>
      <c r="S127" s="441"/>
      <c r="T127" s="441"/>
      <c r="U127" s="441"/>
      <c r="V127" s="441"/>
      <c r="W127" s="441"/>
      <c r="X127" s="441"/>
      <c r="Y127" s="441"/>
      <c r="Z127" s="441"/>
      <c r="AA127" s="441"/>
      <c r="AB127" s="441"/>
      <c r="AC127" s="441"/>
      <c r="AD127" s="441"/>
      <c r="AE127" s="441"/>
      <c r="AF127" s="441"/>
      <c r="AG127" s="441"/>
      <c r="AH127" s="441"/>
      <c r="AI127" s="441"/>
      <c r="AJ127" s="441"/>
      <c r="AK127" s="441"/>
      <c r="AL127" s="441"/>
      <c r="AM127" s="441"/>
      <c r="AN127" s="441"/>
      <c r="AO127" s="441"/>
      <c r="AP127" s="441"/>
      <c r="AQ127" s="441"/>
      <c r="AR127" s="441"/>
      <c r="AS127" s="441"/>
      <c r="AT127" s="441"/>
      <c r="AU127" s="441"/>
      <c r="AV127" s="441"/>
      <c r="AW127" s="441"/>
      <c r="AX127" s="441"/>
      <c r="AY127" s="441"/>
      <c r="AZ127" s="441"/>
      <c r="BA127" s="441"/>
      <c r="BB127" s="441"/>
      <c r="BH127" s="239"/>
      <c r="BI127" s="239"/>
      <c r="BJ127" s="239"/>
      <c r="BN127" s="7"/>
    </row>
    <row r="128" spans="4:66" ht="14.1" customHeight="1">
      <c r="D128" s="262"/>
      <c r="E128" s="239"/>
      <c r="F128" s="46"/>
      <c r="H128" s="239"/>
      <c r="I128" s="239"/>
      <c r="J128" s="239"/>
      <c r="K128" s="239"/>
      <c r="L128" s="239"/>
      <c r="M128" s="441"/>
      <c r="N128" s="441"/>
      <c r="O128" s="441"/>
      <c r="P128" s="441"/>
      <c r="Q128" s="441"/>
      <c r="R128" s="441"/>
      <c r="S128" s="441"/>
      <c r="T128" s="441"/>
      <c r="U128" s="441"/>
      <c r="V128" s="441"/>
      <c r="W128" s="441"/>
      <c r="X128" s="441"/>
      <c r="Y128" s="441"/>
      <c r="Z128" s="441"/>
      <c r="AA128" s="441"/>
      <c r="AB128" s="441"/>
      <c r="AC128" s="441"/>
      <c r="AD128" s="441"/>
      <c r="AE128" s="441"/>
      <c r="AF128" s="441"/>
      <c r="AG128" s="441"/>
      <c r="AH128" s="441"/>
      <c r="AI128" s="441"/>
      <c r="AJ128" s="441"/>
      <c r="AK128" s="441"/>
      <c r="AL128" s="441"/>
      <c r="AM128" s="441"/>
      <c r="AN128" s="441"/>
      <c r="AO128" s="441"/>
      <c r="AP128" s="441"/>
      <c r="AQ128" s="441"/>
      <c r="AR128" s="441"/>
      <c r="AS128" s="441"/>
      <c r="AT128" s="441"/>
      <c r="AU128" s="441"/>
      <c r="AV128" s="441"/>
      <c r="AW128" s="441"/>
      <c r="AX128" s="441"/>
      <c r="AY128" s="441"/>
      <c r="AZ128" s="441"/>
      <c r="BA128" s="441"/>
      <c r="BB128" s="441"/>
      <c r="BH128" s="239"/>
      <c r="BI128" s="239"/>
      <c r="BJ128" s="239"/>
      <c r="BN128" s="7"/>
    </row>
    <row r="129" spans="4:116" ht="14.1" customHeight="1">
      <c r="D129" s="262"/>
      <c r="E129" s="239"/>
      <c r="F129" s="46"/>
      <c r="H129" s="239"/>
      <c r="I129" s="239"/>
      <c r="J129" s="239"/>
      <c r="K129" s="239"/>
      <c r="L129" s="239"/>
      <c r="M129" s="441"/>
      <c r="N129" s="441"/>
      <c r="O129" s="441"/>
      <c r="P129" s="441"/>
      <c r="Q129" s="441"/>
      <c r="R129" s="441"/>
      <c r="S129" s="441"/>
      <c r="T129" s="441"/>
      <c r="U129" s="441"/>
      <c r="V129" s="441"/>
      <c r="W129" s="441"/>
      <c r="X129" s="441"/>
      <c r="Y129" s="441"/>
      <c r="Z129" s="441"/>
      <c r="AA129" s="441"/>
      <c r="AB129" s="441"/>
      <c r="AC129" s="441"/>
      <c r="AD129" s="441"/>
      <c r="AE129" s="441"/>
      <c r="AF129" s="441"/>
      <c r="AG129" s="441"/>
      <c r="AH129" s="441"/>
      <c r="AI129" s="441"/>
      <c r="AJ129" s="441"/>
      <c r="AK129" s="441"/>
      <c r="AL129" s="441"/>
      <c r="AM129" s="441"/>
      <c r="AN129" s="441"/>
      <c r="AO129" s="441"/>
      <c r="AP129" s="441"/>
      <c r="AQ129" s="441"/>
      <c r="AR129" s="441"/>
      <c r="AS129" s="441"/>
      <c r="AT129" s="441"/>
      <c r="AU129" s="441"/>
      <c r="AV129" s="441"/>
      <c r="AW129" s="441"/>
      <c r="AX129" s="441"/>
      <c r="AY129" s="441"/>
      <c r="AZ129" s="441"/>
      <c r="BA129" s="441"/>
      <c r="BB129" s="441"/>
      <c r="BG129" s="120" t="s">
        <v>71</v>
      </c>
      <c r="BH129" s="239"/>
      <c r="BI129" s="239"/>
      <c r="BJ129" s="239"/>
      <c r="BN129" s="7"/>
    </row>
    <row r="130" spans="4:116" ht="5.0999999999999996" customHeight="1">
      <c r="D130" s="262"/>
      <c r="E130" s="239"/>
      <c r="F130" s="46"/>
      <c r="H130" s="239"/>
      <c r="I130" s="239"/>
      <c r="J130" s="239"/>
      <c r="K130" s="239"/>
      <c r="L130" s="239"/>
      <c r="M130" s="258"/>
      <c r="N130" s="258"/>
      <c r="O130" s="258"/>
      <c r="P130" s="258"/>
      <c r="Q130" s="258"/>
      <c r="R130" s="258"/>
      <c r="S130" s="258"/>
      <c r="T130" s="258"/>
      <c r="U130" s="258"/>
      <c r="V130" s="258"/>
      <c r="W130" s="258"/>
      <c r="X130" s="258"/>
      <c r="Y130" s="258"/>
      <c r="Z130" s="258"/>
      <c r="AA130" s="258"/>
      <c r="AB130" s="258"/>
      <c r="AC130" s="258"/>
      <c r="AD130" s="258"/>
      <c r="AE130" s="258"/>
      <c r="AF130" s="258"/>
      <c r="AG130" s="258"/>
      <c r="AH130" s="258"/>
      <c r="AI130" s="258"/>
      <c r="AJ130" s="258"/>
      <c r="AK130" s="258"/>
      <c r="AL130" s="258"/>
      <c r="AM130" s="258"/>
      <c r="AN130" s="258"/>
      <c r="AO130" s="258"/>
      <c r="AP130" s="258"/>
      <c r="AQ130" s="258"/>
      <c r="AR130" s="258"/>
      <c r="AS130" s="258"/>
      <c r="AT130" s="258"/>
      <c r="AU130" s="258"/>
      <c r="AV130" s="258"/>
      <c r="AW130" s="258"/>
      <c r="AX130" s="258"/>
      <c r="AY130" s="258"/>
      <c r="AZ130" s="258"/>
      <c r="BA130" s="258"/>
      <c r="BB130" s="258"/>
      <c r="BG130" s="120"/>
      <c r="BH130" s="239"/>
      <c r="BI130" s="239"/>
      <c r="BJ130" s="239"/>
      <c r="BN130" s="7"/>
    </row>
    <row r="131" spans="4:116" ht="14.1" customHeight="1">
      <c r="D131" s="262"/>
      <c r="E131" s="239"/>
      <c r="F131" s="46"/>
      <c r="H131" s="239"/>
      <c r="I131" s="239"/>
      <c r="J131" s="239"/>
      <c r="K131" s="239"/>
      <c r="L131" s="239"/>
      <c r="M131" s="441" t="s">
        <v>486</v>
      </c>
      <c r="N131" s="441"/>
      <c r="O131" s="441"/>
      <c r="P131" s="441"/>
      <c r="Q131" s="441"/>
      <c r="R131" s="441"/>
      <c r="S131" s="441"/>
      <c r="T131" s="441"/>
      <c r="U131" s="441"/>
      <c r="V131" s="441"/>
      <c r="W131" s="441"/>
      <c r="X131" s="441"/>
      <c r="Y131" s="441"/>
      <c r="Z131" s="441"/>
      <c r="AA131" s="441"/>
      <c r="AB131" s="441"/>
      <c r="AC131" s="441"/>
      <c r="AD131" s="441"/>
      <c r="AE131" s="441"/>
      <c r="AF131" s="441"/>
      <c r="AG131" s="441"/>
      <c r="AH131" s="441"/>
      <c r="AI131" s="441"/>
      <c r="AJ131" s="441"/>
      <c r="AK131" s="441"/>
      <c r="AL131" s="441"/>
      <c r="AM131" s="441"/>
      <c r="AN131" s="441"/>
      <c r="AO131" s="441"/>
      <c r="AP131" s="441"/>
      <c r="AQ131" s="441"/>
      <c r="AR131" s="441"/>
      <c r="AS131" s="441"/>
      <c r="AT131" s="441"/>
      <c r="AU131" s="441"/>
      <c r="AV131" s="441"/>
      <c r="AW131" s="441"/>
      <c r="AX131" s="441"/>
      <c r="AY131" s="441"/>
      <c r="AZ131" s="441"/>
      <c r="BA131" s="441"/>
      <c r="BB131" s="441"/>
      <c r="BH131" s="239"/>
      <c r="BI131" s="239"/>
      <c r="BJ131" s="239"/>
      <c r="BN131" s="7"/>
      <c r="BV131" s="153"/>
      <c r="BW131" s="153"/>
      <c r="BX131" s="153"/>
      <c r="BY131" s="153"/>
      <c r="BZ131" s="153"/>
      <c r="CA131" s="153"/>
      <c r="CB131" s="153"/>
      <c r="CC131" s="153"/>
      <c r="CD131" s="153"/>
      <c r="CE131" s="153"/>
      <c r="CF131" s="153"/>
      <c r="CG131" s="153"/>
      <c r="CH131" s="153"/>
      <c r="CI131" s="153"/>
      <c r="CJ131" s="153"/>
      <c r="CK131" s="153"/>
      <c r="CL131" s="153"/>
      <c r="CM131" s="153"/>
      <c r="CN131" s="153"/>
      <c r="CO131" s="153"/>
      <c r="CP131" s="153"/>
      <c r="CQ131" s="153"/>
      <c r="CR131" s="153"/>
      <c r="CS131" s="153"/>
      <c r="CT131" s="153"/>
      <c r="CU131" s="153"/>
      <c r="CV131" s="153"/>
      <c r="CW131" s="153"/>
      <c r="CX131" s="153"/>
      <c r="CY131" s="153"/>
      <c r="CZ131" s="153"/>
    </row>
    <row r="132" spans="4:116" ht="14.1" customHeight="1">
      <c r="D132" s="262"/>
      <c r="E132" s="239"/>
      <c r="F132" s="46"/>
      <c r="H132" s="239"/>
      <c r="I132" s="239"/>
      <c r="J132" s="239"/>
      <c r="K132" s="239"/>
      <c r="L132" s="239"/>
      <c r="M132" s="441"/>
      <c r="N132" s="441"/>
      <c r="O132" s="441"/>
      <c r="P132" s="441"/>
      <c r="Q132" s="441"/>
      <c r="R132" s="441"/>
      <c r="S132" s="441"/>
      <c r="T132" s="441"/>
      <c r="U132" s="441"/>
      <c r="V132" s="441"/>
      <c r="W132" s="441"/>
      <c r="X132" s="441"/>
      <c r="Y132" s="441"/>
      <c r="Z132" s="441"/>
      <c r="AA132" s="441"/>
      <c r="AB132" s="441"/>
      <c r="AC132" s="441"/>
      <c r="AD132" s="441"/>
      <c r="AE132" s="441"/>
      <c r="AF132" s="441"/>
      <c r="AG132" s="441"/>
      <c r="AH132" s="441"/>
      <c r="AI132" s="441"/>
      <c r="AJ132" s="441"/>
      <c r="AK132" s="441"/>
      <c r="AL132" s="441"/>
      <c r="AM132" s="441"/>
      <c r="AN132" s="441"/>
      <c r="AO132" s="441"/>
      <c r="AP132" s="441"/>
      <c r="AQ132" s="441"/>
      <c r="AR132" s="441"/>
      <c r="AS132" s="441"/>
      <c r="AT132" s="441"/>
      <c r="AU132" s="441"/>
      <c r="AV132" s="441"/>
      <c r="AW132" s="441"/>
      <c r="AX132" s="441"/>
      <c r="AY132" s="441"/>
      <c r="AZ132" s="441"/>
      <c r="BA132" s="441"/>
      <c r="BB132" s="441"/>
      <c r="BG132" s="120" t="s">
        <v>487</v>
      </c>
      <c r="BH132" s="239"/>
      <c r="BI132" s="239"/>
      <c r="BJ132" s="239"/>
      <c r="BN132" s="7"/>
      <c r="BV132" s="153"/>
      <c r="BW132" s="153"/>
      <c r="BX132" s="153"/>
      <c r="BY132" s="153"/>
      <c r="BZ132" s="153"/>
      <c r="CA132" s="153"/>
      <c r="CB132" s="153"/>
      <c r="CC132" s="153"/>
      <c r="CD132" s="153"/>
      <c r="CE132" s="153"/>
      <c r="CF132" s="153"/>
      <c r="CG132" s="153"/>
      <c r="CH132" s="153"/>
      <c r="CI132" s="153"/>
      <c r="CJ132" s="153"/>
      <c r="CK132" s="153"/>
      <c r="CL132" s="153"/>
      <c r="CM132" s="153"/>
      <c r="CN132" s="153"/>
      <c r="CO132" s="153"/>
      <c r="CP132" s="153"/>
      <c r="CQ132" s="153"/>
      <c r="CR132" s="153"/>
      <c r="CS132" s="153"/>
      <c r="CT132" s="153"/>
      <c r="CU132" s="153"/>
      <c r="CV132" s="153"/>
      <c r="CW132" s="153"/>
      <c r="CX132" s="153"/>
      <c r="CY132" s="153"/>
      <c r="CZ132" s="153"/>
    </row>
    <row r="133" spans="4:116" ht="14.1" customHeight="1">
      <c r="D133" s="262"/>
      <c r="E133" s="239"/>
      <c r="F133" s="46"/>
      <c r="H133" s="239"/>
      <c r="I133" s="239"/>
      <c r="J133" s="239"/>
      <c r="K133" s="239"/>
      <c r="L133" s="239"/>
      <c r="M133" s="441" t="s">
        <v>488</v>
      </c>
      <c r="N133" s="441"/>
      <c r="O133" s="441"/>
      <c r="P133" s="441"/>
      <c r="Q133" s="441"/>
      <c r="R133" s="441"/>
      <c r="S133" s="441"/>
      <c r="T133" s="441"/>
      <c r="U133" s="441"/>
      <c r="V133" s="441"/>
      <c r="W133" s="441"/>
      <c r="X133" s="441"/>
      <c r="Y133" s="441"/>
      <c r="Z133" s="441"/>
      <c r="AA133" s="441"/>
      <c r="AB133" s="441"/>
      <c r="AC133" s="441"/>
      <c r="AD133" s="441"/>
      <c r="AE133" s="441"/>
      <c r="AF133" s="441"/>
      <c r="AG133" s="441"/>
      <c r="AH133" s="441"/>
      <c r="AI133" s="441"/>
      <c r="AJ133" s="441"/>
      <c r="AK133" s="441"/>
      <c r="AL133" s="441"/>
      <c r="AM133" s="441"/>
      <c r="AN133" s="441"/>
      <c r="AO133" s="441"/>
      <c r="AP133" s="441"/>
      <c r="AQ133" s="441"/>
      <c r="AR133" s="441"/>
      <c r="AS133" s="441"/>
      <c r="AT133" s="441"/>
      <c r="AU133" s="441"/>
      <c r="AV133" s="441"/>
      <c r="AW133" s="441"/>
      <c r="AX133" s="441"/>
      <c r="AY133" s="441"/>
      <c r="AZ133" s="441"/>
      <c r="BA133" s="441"/>
      <c r="BB133" s="441"/>
      <c r="BH133" s="239"/>
      <c r="BI133" s="239"/>
      <c r="BJ133" s="239"/>
      <c r="BN133" s="7"/>
      <c r="BV133" s="153"/>
      <c r="BW133" s="153"/>
      <c r="BX133" s="153"/>
      <c r="BY133" s="153"/>
      <c r="BZ133" s="153"/>
      <c r="CA133" s="153"/>
      <c r="CB133" s="153"/>
      <c r="CC133" s="153"/>
      <c r="CD133" s="153"/>
      <c r="CE133" s="153"/>
      <c r="CF133" s="153"/>
      <c r="CG133" s="153"/>
      <c r="CH133" s="153"/>
      <c r="CI133" s="153"/>
      <c r="CJ133" s="153"/>
      <c r="CK133" s="153"/>
      <c r="CL133" s="153"/>
      <c r="CM133" s="153"/>
      <c r="CN133" s="153"/>
      <c r="CO133" s="153"/>
      <c r="CP133" s="153"/>
      <c r="CQ133" s="153"/>
      <c r="CR133" s="153"/>
      <c r="CS133" s="153"/>
      <c r="CT133" s="153"/>
      <c r="CU133" s="153"/>
      <c r="CV133" s="153"/>
      <c r="CW133" s="153"/>
      <c r="CX133" s="153"/>
      <c r="CY133" s="153"/>
      <c r="CZ133" s="153"/>
    </row>
    <row r="134" spans="4:116" ht="14.1" customHeight="1">
      <c r="D134" s="262"/>
      <c r="E134" s="239"/>
      <c r="F134" s="46"/>
      <c r="H134" s="239"/>
      <c r="I134" s="239"/>
      <c r="J134" s="239"/>
      <c r="K134" s="239"/>
      <c r="L134" s="239"/>
      <c r="M134" s="441"/>
      <c r="N134" s="441"/>
      <c r="O134" s="441"/>
      <c r="P134" s="441"/>
      <c r="Q134" s="441"/>
      <c r="R134" s="441"/>
      <c r="S134" s="441"/>
      <c r="T134" s="441"/>
      <c r="U134" s="441"/>
      <c r="V134" s="441"/>
      <c r="W134" s="441"/>
      <c r="X134" s="441"/>
      <c r="Y134" s="441"/>
      <c r="Z134" s="441"/>
      <c r="AA134" s="441"/>
      <c r="AB134" s="441"/>
      <c r="AC134" s="441"/>
      <c r="AD134" s="441"/>
      <c r="AE134" s="441"/>
      <c r="AF134" s="441"/>
      <c r="AG134" s="441"/>
      <c r="AH134" s="441"/>
      <c r="AI134" s="441"/>
      <c r="AJ134" s="441"/>
      <c r="AK134" s="441"/>
      <c r="AL134" s="441"/>
      <c r="AM134" s="441"/>
      <c r="AN134" s="441"/>
      <c r="AO134" s="441"/>
      <c r="AP134" s="441"/>
      <c r="AQ134" s="441"/>
      <c r="AR134" s="441"/>
      <c r="AS134" s="441"/>
      <c r="AT134" s="441"/>
      <c r="AU134" s="441"/>
      <c r="AV134" s="441"/>
      <c r="AW134" s="441"/>
      <c r="AX134" s="441"/>
      <c r="AY134" s="441"/>
      <c r="AZ134" s="441"/>
      <c r="BA134" s="441"/>
      <c r="BB134" s="441"/>
      <c r="BG134" s="120" t="s">
        <v>489</v>
      </c>
      <c r="BH134" s="239"/>
      <c r="BI134" s="239"/>
      <c r="BJ134" s="239"/>
      <c r="BN134" s="7"/>
      <c r="BV134" s="153"/>
      <c r="BW134" s="153"/>
      <c r="BX134" s="153"/>
      <c r="BY134" s="153"/>
      <c r="BZ134" s="153"/>
      <c r="CA134" s="153"/>
      <c r="CB134" s="153"/>
      <c r="CC134" s="153"/>
      <c r="CD134" s="153"/>
      <c r="CE134" s="153"/>
      <c r="CF134" s="153"/>
      <c r="CG134" s="153"/>
      <c r="CH134" s="153"/>
      <c r="CI134" s="153"/>
      <c r="CJ134" s="153"/>
      <c r="CK134" s="153"/>
      <c r="CL134" s="153"/>
      <c r="CM134" s="153"/>
      <c r="CN134" s="153"/>
      <c r="CO134" s="153"/>
      <c r="CP134" s="153"/>
      <c r="CQ134" s="153"/>
      <c r="CR134" s="153"/>
      <c r="CS134" s="153"/>
      <c r="CT134" s="153"/>
      <c r="CU134" s="153"/>
      <c r="CV134" s="153"/>
      <c r="CW134" s="153"/>
      <c r="CX134" s="153"/>
      <c r="CY134" s="153"/>
      <c r="CZ134" s="153"/>
    </row>
    <row r="135" spans="4:116" ht="2.4" customHeight="1">
      <c r="D135" s="80"/>
      <c r="E135" s="196"/>
      <c r="F135" s="47"/>
      <c r="G135" s="196"/>
      <c r="H135" s="196"/>
      <c r="I135" s="196"/>
      <c r="J135" s="196"/>
      <c r="K135" s="196"/>
      <c r="L135" s="196"/>
      <c r="M135" s="196"/>
      <c r="N135" s="196"/>
      <c r="O135" s="196"/>
      <c r="P135" s="196"/>
      <c r="Q135" s="196"/>
      <c r="R135" s="196"/>
      <c r="S135" s="196"/>
      <c r="T135" s="196"/>
      <c r="U135" s="196"/>
      <c r="V135" s="196"/>
      <c r="W135" s="196"/>
      <c r="X135" s="196"/>
      <c r="Y135" s="196"/>
      <c r="Z135" s="196"/>
      <c r="AA135" s="196"/>
      <c r="AB135" s="196"/>
      <c r="AC135" s="196"/>
      <c r="AD135" s="196"/>
      <c r="AE135" s="251"/>
      <c r="AF135" s="196"/>
      <c r="AG135" s="196"/>
      <c r="AH135" s="196"/>
      <c r="AI135" s="196"/>
      <c r="AJ135" s="251"/>
      <c r="AK135" s="196"/>
      <c r="AL135" s="196"/>
      <c r="AM135" s="196"/>
      <c r="AN135" s="196"/>
      <c r="AO135" s="196"/>
      <c r="AP135" s="196"/>
      <c r="AQ135" s="196"/>
      <c r="AR135" s="196"/>
      <c r="AS135" s="196"/>
      <c r="AT135" s="196"/>
      <c r="AU135" s="196"/>
      <c r="AV135" s="196"/>
      <c r="AW135" s="196"/>
      <c r="AX135" s="196"/>
      <c r="AY135" s="251"/>
      <c r="AZ135" s="196"/>
      <c r="BA135" s="196"/>
      <c r="BB135" s="196"/>
      <c r="BC135" s="159"/>
      <c r="BD135" s="159"/>
      <c r="BE135" s="159"/>
      <c r="BF135" s="159"/>
      <c r="BG135" s="196"/>
      <c r="BH135" s="196"/>
      <c r="BI135" s="196"/>
      <c r="BJ135" s="196"/>
      <c r="BK135" s="251"/>
      <c r="BL135" s="251"/>
      <c r="BM135" s="251"/>
      <c r="BN135" s="9"/>
      <c r="BV135" s="153"/>
      <c r="BW135" s="153"/>
      <c r="BX135" s="153"/>
      <c r="BY135" s="153"/>
      <c r="BZ135" s="153"/>
      <c r="CA135" s="153"/>
      <c r="CB135" s="153"/>
      <c r="CC135" s="153"/>
      <c r="CD135" s="153"/>
      <c r="CE135" s="153"/>
      <c r="CF135" s="153"/>
      <c r="CG135" s="153"/>
      <c r="CH135" s="153"/>
      <c r="CI135" s="153"/>
      <c r="CJ135" s="153"/>
      <c r="CK135" s="153"/>
      <c r="CL135" s="153"/>
      <c r="CM135" s="153"/>
      <c r="CN135" s="153"/>
      <c r="CO135" s="153"/>
      <c r="CP135" s="153"/>
      <c r="CQ135" s="153"/>
      <c r="CR135" s="153"/>
      <c r="CS135" s="153"/>
      <c r="CT135" s="153"/>
      <c r="CU135" s="153"/>
      <c r="CV135" s="153"/>
      <c r="CW135" s="153"/>
      <c r="CX135" s="153"/>
      <c r="CY135" s="153"/>
      <c r="CZ135" s="153"/>
    </row>
    <row r="136" spans="4:116" ht="16.5" customHeight="1">
      <c r="D136" s="62"/>
      <c r="E136" s="86"/>
      <c r="F136" s="62"/>
      <c r="G136" s="77"/>
      <c r="H136" s="231"/>
      <c r="I136" s="231"/>
      <c r="J136" s="231"/>
      <c r="K136" s="231"/>
      <c r="L136" s="231"/>
      <c r="M136" s="231"/>
      <c r="N136" s="231"/>
      <c r="O136" s="231"/>
      <c r="P136" s="231"/>
      <c r="Q136" s="231"/>
      <c r="R136" s="231"/>
      <c r="S136" s="231"/>
      <c r="T136" s="231"/>
      <c r="U136" s="231"/>
      <c r="V136" s="231"/>
      <c r="W136" s="231"/>
      <c r="X136" s="231"/>
      <c r="Y136" s="231"/>
      <c r="Z136" s="231"/>
      <c r="AA136" s="231"/>
      <c r="AB136" s="231"/>
      <c r="AC136" s="231"/>
      <c r="AD136" s="231"/>
      <c r="AE136" s="231"/>
      <c r="AF136" s="231"/>
      <c r="AG136" s="231"/>
      <c r="AH136" s="231"/>
      <c r="AI136" s="231"/>
      <c r="AJ136" s="231"/>
      <c r="AK136" s="231"/>
      <c r="AL136" s="231"/>
      <c r="AM136" s="231"/>
      <c r="AN136" s="231"/>
      <c r="AO136" s="231"/>
      <c r="AP136" s="231"/>
      <c r="AQ136" s="231"/>
      <c r="AR136" s="231"/>
      <c r="AS136" s="231"/>
      <c r="AT136" s="231"/>
      <c r="AU136" s="231"/>
      <c r="AV136" s="231"/>
      <c r="AW136" s="231"/>
      <c r="AX136" s="231"/>
      <c r="AY136" s="231"/>
      <c r="AZ136" s="231"/>
      <c r="BA136" s="231"/>
      <c r="BB136" s="231"/>
      <c r="BC136" s="231"/>
      <c r="BD136" s="231"/>
      <c r="BE136" s="231"/>
      <c r="BF136" s="231"/>
      <c r="BG136" s="231"/>
      <c r="BH136" s="231"/>
      <c r="BI136" s="231"/>
      <c r="BJ136" s="231"/>
      <c r="BK136" s="62"/>
    </row>
    <row r="137" spans="4:116" ht="30" customHeight="1">
      <c r="D137" s="356" t="s">
        <v>384</v>
      </c>
      <c r="E137" s="357"/>
      <c r="F137" s="357"/>
      <c r="G137" s="358"/>
      <c r="H137" s="371" t="s">
        <v>59</v>
      </c>
      <c r="I137" s="277"/>
      <c r="J137" s="277"/>
      <c r="K137" s="277"/>
      <c r="L137" s="277"/>
      <c r="M137" s="277"/>
      <c r="N137" s="372"/>
      <c r="O137" s="388" t="s">
        <v>62</v>
      </c>
      <c r="P137" s="389"/>
      <c r="Q137" s="389"/>
      <c r="R137" s="389"/>
      <c r="S137" s="389"/>
      <c r="T137" s="389"/>
      <c r="U137" s="389"/>
      <c r="V137" s="390"/>
      <c r="W137" s="422" t="s">
        <v>65</v>
      </c>
      <c r="X137" s="423"/>
      <c r="Y137" s="423"/>
      <c r="Z137" s="423"/>
      <c r="AA137" s="423"/>
      <c r="AB137" s="423"/>
      <c r="AC137" s="423"/>
      <c r="AD137" s="423"/>
      <c r="AE137" s="423"/>
      <c r="AF137" s="423"/>
      <c r="AG137" s="423"/>
      <c r="AH137" s="423"/>
      <c r="AI137" s="423"/>
      <c r="AJ137" s="423"/>
      <c r="AK137" s="423"/>
      <c r="AL137" s="423"/>
      <c r="AM137" s="423"/>
      <c r="AN137" s="423"/>
      <c r="AO137" s="423"/>
      <c r="AP137" s="423"/>
      <c r="AQ137" s="423"/>
      <c r="AR137" s="423"/>
      <c r="AS137" s="423"/>
      <c r="AT137" s="423"/>
      <c r="AU137" s="423"/>
      <c r="AV137" s="423"/>
      <c r="AW137" s="423"/>
      <c r="AX137" s="423"/>
      <c r="AY137" s="423"/>
      <c r="AZ137" s="423"/>
      <c r="BA137" s="423"/>
      <c r="BB137" s="423"/>
      <c r="BC137" s="423"/>
      <c r="BD137" s="423"/>
      <c r="BE137" s="423"/>
      <c r="BF137" s="423"/>
      <c r="BG137" s="423"/>
      <c r="BH137" s="423"/>
      <c r="BI137" s="423"/>
      <c r="BJ137" s="423"/>
      <c r="BK137" s="423"/>
      <c r="BL137" s="423"/>
      <c r="BM137" s="423"/>
      <c r="BN137" s="442"/>
      <c r="DC137" s="260"/>
      <c r="DD137" s="260"/>
      <c r="DE137" s="260"/>
      <c r="DF137" s="260"/>
      <c r="DG137" s="260"/>
      <c r="DH137" s="260"/>
      <c r="DI137" s="260"/>
      <c r="DJ137" s="260"/>
      <c r="DK137" s="260"/>
      <c r="DL137" s="260"/>
    </row>
    <row r="138" spans="4:116" ht="31.8" customHeight="1">
      <c r="D138" s="359"/>
      <c r="E138" s="360"/>
      <c r="F138" s="360"/>
      <c r="G138" s="361"/>
      <c r="H138" s="443" t="s">
        <v>61</v>
      </c>
      <c r="I138" s="350"/>
      <c r="J138" s="350"/>
      <c r="K138" s="350"/>
      <c r="L138" s="350"/>
      <c r="M138" s="350"/>
      <c r="N138" s="351"/>
      <c r="O138" s="444" t="s">
        <v>63</v>
      </c>
      <c r="P138" s="445"/>
      <c r="Q138" s="445"/>
      <c r="R138" s="445"/>
      <c r="S138" s="445"/>
      <c r="T138" s="445"/>
      <c r="U138" s="445"/>
      <c r="V138" s="446"/>
      <c r="W138" s="388"/>
      <c r="X138" s="389"/>
      <c r="Y138" s="389"/>
      <c r="Z138" s="389"/>
      <c r="AA138" s="389"/>
      <c r="AB138" s="389"/>
      <c r="AC138" s="389"/>
      <c r="AD138" s="389"/>
      <c r="AE138" s="389"/>
      <c r="AF138" s="389"/>
      <c r="AG138" s="389"/>
      <c r="AH138" s="389"/>
      <c r="AI138" s="389"/>
      <c r="AJ138" s="389"/>
      <c r="AK138" s="389"/>
      <c r="AL138" s="389"/>
      <c r="AM138" s="389"/>
      <c r="AN138" s="389"/>
      <c r="AO138" s="389"/>
      <c r="AP138" s="389"/>
      <c r="AQ138" s="389"/>
      <c r="AR138" s="389"/>
      <c r="AS138" s="389"/>
      <c r="AT138" s="389"/>
      <c r="AU138" s="389"/>
      <c r="AV138" s="389"/>
      <c r="AW138" s="389"/>
      <c r="AX138" s="389"/>
      <c r="AY138" s="389"/>
      <c r="AZ138" s="389"/>
      <c r="BA138" s="389"/>
      <c r="BB138" s="389"/>
      <c r="BC138" s="389"/>
      <c r="BD138" s="389"/>
      <c r="BE138" s="389"/>
      <c r="BF138" s="389"/>
      <c r="BG138" s="389"/>
      <c r="BH138" s="389"/>
      <c r="BI138" s="389"/>
      <c r="BJ138" s="389"/>
      <c r="BK138" s="389"/>
      <c r="BL138" s="389"/>
      <c r="BM138" s="389"/>
      <c r="BN138" s="390"/>
      <c r="BO138" s="260"/>
      <c r="BP138" s="260"/>
      <c r="BQ138" s="260"/>
      <c r="BR138" s="260"/>
      <c r="BS138" s="260"/>
      <c r="BT138" s="260"/>
      <c r="BU138" s="260"/>
      <c r="BV138" s="260"/>
      <c r="BW138" s="260"/>
    </row>
    <row r="139" spans="4:116" ht="26.25" customHeight="1">
      <c r="D139" s="362"/>
      <c r="E139" s="363"/>
      <c r="F139" s="363"/>
      <c r="G139" s="364"/>
      <c r="H139" s="329" t="s">
        <v>58</v>
      </c>
      <c r="I139" s="275"/>
      <c r="J139" s="275"/>
      <c r="K139" s="275"/>
      <c r="L139" s="275"/>
      <c r="M139" s="275"/>
      <c r="N139" s="374"/>
      <c r="O139" s="388" t="s">
        <v>64</v>
      </c>
      <c r="P139" s="389"/>
      <c r="Q139" s="389"/>
      <c r="R139" s="389"/>
      <c r="S139" s="389"/>
      <c r="T139" s="389"/>
      <c r="U139" s="389"/>
      <c r="V139" s="390"/>
      <c r="W139" s="388"/>
      <c r="X139" s="389"/>
      <c r="Y139" s="389"/>
      <c r="Z139" s="389"/>
      <c r="AA139" s="389"/>
      <c r="AB139" s="389"/>
      <c r="AC139" s="389"/>
      <c r="AD139" s="389"/>
      <c r="AE139" s="389"/>
      <c r="AF139" s="389"/>
      <c r="AG139" s="389"/>
      <c r="AH139" s="389"/>
      <c r="AI139" s="389"/>
      <c r="AJ139" s="389"/>
      <c r="AK139" s="389"/>
      <c r="AL139" s="389"/>
      <c r="AM139" s="389"/>
      <c r="AN139" s="389"/>
      <c r="AO139" s="389"/>
      <c r="AP139" s="389"/>
      <c r="AQ139" s="389"/>
      <c r="AR139" s="389"/>
      <c r="AS139" s="389"/>
      <c r="AT139" s="389"/>
      <c r="AU139" s="389"/>
      <c r="AV139" s="389"/>
      <c r="AW139" s="389"/>
      <c r="AX139" s="389"/>
      <c r="AY139" s="389"/>
      <c r="AZ139" s="389"/>
      <c r="BA139" s="389"/>
      <c r="BB139" s="389"/>
      <c r="BC139" s="389"/>
      <c r="BD139" s="389"/>
      <c r="BE139" s="389"/>
      <c r="BF139" s="389"/>
      <c r="BG139" s="389"/>
      <c r="BH139" s="389"/>
      <c r="BI139" s="389"/>
      <c r="BJ139" s="389"/>
      <c r="BK139" s="389"/>
      <c r="BL139" s="389"/>
      <c r="BM139" s="389"/>
      <c r="BN139" s="390"/>
      <c r="BO139" s="260"/>
      <c r="BR139" s="260"/>
      <c r="BS139" s="260"/>
      <c r="BT139" s="260"/>
      <c r="BU139" s="260"/>
    </row>
    <row r="140" spans="4:116" ht="21" customHeight="1">
      <c r="D140" s="2"/>
      <c r="E140" s="277" t="s">
        <v>385</v>
      </c>
      <c r="F140" s="277"/>
      <c r="G140" s="249"/>
      <c r="H140" s="402" t="s">
        <v>296</v>
      </c>
      <c r="I140" s="402"/>
      <c r="J140" s="402"/>
      <c r="K140" s="402"/>
      <c r="L140" s="402"/>
      <c r="M140" s="402"/>
      <c r="N140" s="403"/>
      <c r="O140" s="388" t="s">
        <v>68</v>
      </c>
      <c r="P140" s="389"/>
      <c r="Q140" s="389"/>
      <c r="R140" s="389"/>
      <c r="S140" s="389"/>
      <c r="T140" s="389"/>
      <c r="U140" s="389"/>
      <c r="V140" s="390"/>
      <c r="W140" s="388"/>
      <c r="X140" s="389"/>
      <c r="Y140" s="389"/>
      <c r="Z140" s="389"/>
      <c r="AA140" s="389"/>
      <c r="AB140" s="389"/>
      <c r="AC140" s="389"/>
      <c r="AD140" s="389"/>
      <c r="AE140" s="389"/>
      <c r="AF140" s="389"/>
      <c r="AG140" s="389"/>
      <c r="AH140" s="389"/>
      <c r="AI140" s="389"/>
      <c r="AJ140" s="389"/>
      <c r="AK140" s="389"/>
      <c r="AL140" s="389"/>
      <c r="AM140" s="389"/>
      <c r="AN140" s="389"/>
      <c r="AO140" s="389"/>
      <c r="AP140" s="389"/>
      <c r="AQ140" s="389"/>
      <c r="AR140" s="389"/>
      <c r="AS140" s="389"/>
      <c r="AT140" s="389"/>
      <c r="AU140" s="389"/>
      <c r="AV140" s="389"/>
      <c r="AW140" s="389"/>
      <c r="AX140" s="389"/>
      <c r="AY140" s="389"/>
      <c r="AZ140" s="389"/>
      <c r="BA140" s="389"/>
      <c r="BB140" s="389"/>
      <c r="BC140" s="389"/>
      <c r="BD140" s="389"/>
      <c r="BE140" s="389"/>
      <c r="BF140" s="389"/>
      <c r="BG140" s="389"/>
      <c r="BH140" s="389"/>
      <c r="BI140" s="389"/>
      <c r="BJ140" s="389"/>
      <c r="BK140" s="389"/>
      <c r="BL140" s="389"/>
      <c r="BM140" s="389"/>
      <c r="BN140" s="390"/>
      <c r="BO140" s="260"/>
      <c r="BR140" s="260"/>
      <c r="BS140" s="260"/>
      <c r="BT140" s="260"/>
      <c r="BU140" s="260"/>
    </row>
    <row r="141" spans="4:116" ht="21" customHeight="1">
      <c r="D141" s="6"/>
      <c r="E141" s="308"/>
      <c r="F141" s="308"/>
      <c r="H141" s="347"/>
      <c r="I141" s="347"/>
      <c r="J141" s="347"/>
      <c r="K141" s="347"/>
      <c r="L141" s="347"/>
      <c r="M141" s="347"/>
      <c r="N141" s="421"/>
      <c r="O141" s="329" t="s">
        <v>69</v>
      </c>
      <c r="P141" s="275"/>
      <c r="Q141" s="275"/>
      <c r="R141" s="275"/>
      <c r="S141" s="275"/>
      <c r="T141" s="275"/>
      <c r="U141" s="275"/>
      <c r="V141" s="374"/>
      <c r="W141" s="388"/>
      <c r="X141" s="389"/>
      <c r="Y141" s="389"/>
      <c r="Z141" s="389"/>
      <c r="AA141" s="389"/>
      <c r="AB141" s="389"/>
      <c r="AC141" s="389"/>
      <c r="AD141" s="389"/>
      <c r="AE141" s="389"/>
      <c r="AF141" s="389"/>
      <c r="AG141" s="389"/>
      <c r="AH141" s="389"/>
      <c r="AI141" s="389"/>
      <c r="AJ141" s="389"/>
      <c r="AK141" s="389"/>
      <c r="AL141" s="389"/>
      <c r="AM141" s="389"/>
      <c r="AN141" s="389"/>
      <c r="AO141" s="389"/>
      <c r="AP141" s="389"/>
      <c r="AQ141" s="389"/>
      <c r="AR141" s="389"/>
      <c r="AS141" s="389"/>
      <c r="AT141" s="389"/>
      <c r="AU141" s="389"/>
      <c r="AV141" s="389"/>
      <c r="AW141" s="389"/>
      <c r="AX141" s="389"/>
      <c r="AY141" s="389"/>
      <c r="AZ141" s="389"/>
      <c r="BA141" s="389"/>
      <c r="BB141" s="389"/>
      <c r="BC141" s="389"/>
      <c r="BD141" s="389"/>
      <c r="BE141" s="389"/>
      <c r="BF141" s="389"/>
      <c r="BG141" s="389"/>
      <c r="BH141" s="389"/>
      <c r="BI141" s="389"/>
      <c r="BJ141" s="389"/>
      <c r="BK141" s="389"/>
      <c r="BL141" s="389"/>
      <c r="BM141" s="389"/>
      <c r="BN141" s="390"/>
    </row>
    <row r="142" spans="4:116" ht="21" customHeight="1">
      <c r="D142" s="6"/>
      <c r="N142" s="7"/>
      <c r="O142" s="329" t="s">
        <v>67</v>
      </c>
      <c r="P142" s="275"/>
      <c r="Q142" s="275"/>
      <c r="R142" s="275"/>
      <c r="S142" s="275"/>
      <c r="T142" s="275"/>
      <c r="U142" s="275"/>
      <c r="V142" s="374"/>
      <c r="W142" s="388"/>
      <c r="X142" s="389"/>
      <c r="Y142" s="389"/>
      <c r="Z142" s="389"/>
      <c r="AA142" s="389"/>
      <c r="AB142" s="389"/>
      <c r="AC142" s="389"/>
      <c r="AD142" s="389"/>
      <c r="AE142" s="389"/>
      <c r="AF142" s="389"/>
      <c r="AG142" s="389"/>
      <c r="AH142" s="389"/>
      <c r="AI142" s="389"/>
      <c r="AJ142" s="389"/>
      <c r="AK142" s="389"/>
      <c r="AL142" s="389"/>
      <c r="AM142" s="389"/>
      <c r="AN142" s="389"/>
      <c r="AO142" s="389"/>
      <c r="AP142" s="389"/>
      <c r="AQ142" s="389"/>
      <c r="AR142" s="389"/>
      <c r="AS142" s="389"/>
      <c r="AT142" s="389"/>
      <c r="AU142" s="389"/>
      <c r="AV142" s="389"/>
      <c r="AW142" s="389"/>
      <c r="AX142" s="389"/>
      <c r="AY142" s="389"/>
      <c r="AZ142" s="389"/>
      <c r="BA142" s="389"/>
      <c r="BB142" s="389"/>
      <c r="BC142" s="389"/>
      <c r="BD142" s="389"/>
      <c r="BE142" s="389"/>
      <c r="BF142" s="389"/>
      <c r="BG142" s="389"/>
      <c r="BH142" s="389"/>
      <c r="BI142" s="389"/>
      <c r="BJ142" s="389"/>
      <c r="BK142" s="389"/>
      <c r="BL142" s="389"/>
      <c r="BM142" s="389"/>
      <c r="BN142" s="390"/>
      <c r="BO142" s="260"/>
      <c r="BR142" s="260"/>
      <c r="BS142" s="260"/>
      <c r="BT142" s="260"/>
      <c r="BU142" s="260"/>
    </row>
    <row r="143" spans="4:116" ht="21" customHeight="1">
      <c r="D143" s="8"/>
      <c r="E143" s="251"/>
      <c r="F143" s="251"/>
      <c r="G143" s="251"/>
      <c r="H143" s="251"/>
      <c r="I143" s="251"/>
      <c r="J143" s="251"/>
      <c r="K143" s="251"/>
      <c r="L143" s="251"/>
      <c r="M143" s="251"/>
      <c r="N143" s="9"/>
      <c r="O143" s="329" t="s">
        <v>66</v>
      </c>
      <c r="P143" s="275"/>
      <c r="Q143" s="275"/>
      <c r="R143" s="275"/>
      <c r="S143" s="275"/>
      <c r="T143" s="275"/>
      <c r="U143" s="275"/>
      <c r="V143" s="374"/>
      <c r="W143" s="388"/>
      <c r="X143" s="389"/>
      <c r="Y143" s="389"/>
      <c r="Z143" s="389"/>
      <c r="AA143" s="389"/>
      <c r="AB143" s="389"/>
      <c r="AC143" s="389"/>
      <c r="AD143" s="389"/>
      <c r="AE143" s="389"/>
      <c r="AF143" s="389"/>
      <c r="AG143" s="389"/>
      <c r="AH143" s="389"/>
      <c r="AI143" s="389"/>
      <c r="AJ143" s="389"/>
      <c r="AK143" s="389"/>
      <c r="AL143" s="389"/>
      <c r="AM143" s="389"/>
      <c r="AN143" s="389"/>
      <c r="AO143" s="389"/>
      <c r="AP143" s="389"/>
      <c r="AQ143" s="389"/>
      <c r="AR143" s="389"/>
      <c r="AS143" s="389"/>
      <c r="AT143" s="389"/>
      <c r="AU143" s="389"/>
      <c r="AV143" s="389"/>
      <c r="AW143" s="389"/>
      <c r="AX143" s="389"/>
      <c r="AY143" s="389"/>
      <c r="AZ143" s="389"/>
      <c r="BA143" s="389"/>
      <c r="BB143" s="389"/>
      <c r="BC143" s="389"/>
      <c r="BD143" s="389"/>
      <c r="BE143" s="389"/>
      <c r="BF143" s="389"/>
      <c r="BG143" s="389"/>
      <c r="BH143" s="389"/>
      <c r="BI143" s="389"/>
      <c r="BJ143" s="389"/>
      <c r="BK143" s="389"/>
      <c r="BL143" s="389"/>
      <c r="BM143" s="389"/>
      <c r="BN143" s="390"/>
    </row>
    <row r="144" spans="4:116" ht="19.5" customHeight="1">
      <c r="D144" s="356" t="s">
        <v>386</v>
      </c>
      <c r="E144" s="357"/>
      <c r="F144" s="357"/>
      <c r="G144" s="358"/>
      <c r="H144" s="277" t="s">
        <v>257</v>
      </c>
      <c r="I144" s="277"/>
      <c r="J144" s="277"/>
      <c r="K144" s="277"/>
      <c r="L144" s="277"/>
      <c r="M144" s="277"/>
      <c r="N144" s="277"/>
      <c r="O144" s="277"/>
      <c r="P144" s="277"/>
      <c r="Q144" s="277"/>
      <c r="R144" s="277"/>
      <c r="S144" s="372"/>
      <c r="T144" s="2"/>
      <c r="U144" s="249" t="s">
        <v>258</v>
      </c>
      <c r="V144" s="249"/>
      <c r="W144" s="249"/>
      <c r="X144" s="249"/>
      <c r="Y144" s="249"/>
      <c r="Z144" s="249"/>
      <c r="AA144" s="249"/>
      <c r="AB144" s="249"/>
      <c r="AC144" s="249"/>
      <c r="AD144" s="249"/>
      <c r="AE144" s="249"/>
      <c r="AF144" s="249"/>
      <c r="AG144" s="249"/>
      <c r="AH144" s="249"/>
      <c r="AI144" s="249"/>
      <c r="AJ144" s="249"/>
      <c r="AK144" s="249"/>
      <c r="AL144" s="249"/>
      <c r="AM144" s="249"/>
      <c r="AN144" s="249"/>
      <c r="AO144" s="249"/>
      <c r="AP144" s="249"/>
      <c r="AQ144" s="249"/>
      <c r="AR144" s="249"/>
      <c r="AS144" s="249"/>
      <c r="AT144" s="249"/>
      <c r="AU144" s="249"/>
      <c r="AV144" s="249"/>
      <c r="AW144" s="249"/>
      <c r="AX144" s="249"/>
      <c r="AY144" s="249"/>
      <c r="AZ144" s="249"/>
      <c r="BA144" s="249"/>
      <c r="BB144" s="249"/>
      <c r="BC144" s="249"/>
      <c r="BD144" s="249"/>
      <c r="BE144" s="249"/>
      <c r="BF144" s="249"/>
      <c r="BG144" s="249"/>
      <c r="BH144" s="249"/>
      <c r="BI144" s="249"/>
      <c r="BJ144" s="249"/>
      <c r="BK144" s="198"/>
      <c r="BL144" s="249"/>
      <c r="BM144" s="178"/>
      <c r="BN144" s="213"/>
    </row>
    <row r="145" spans="4:70" ht="19.5" customHeight="1">
      <c r="D145" s="359"/>
      <c r="E145" s="360"/>
      <c r="F145" s="360"/>
      <c r="G145" s="361"/>
      <c r="H145" s="308"/>
      <c r="I145" s="308"/>
      <c r="J145" s="308"/>
      <c r="K145" s="308"/>
      <c r="L145" s="308"/>
      <c r="M145" s="308"/>
      <c r="N145" s="308"/>
      <c r="O145" s="308"/>
      <c r="P145" s="308"/>
      <c r="Q145" s="308"/>
      <c r="R145" s="308"/>
      <c r="S145" s="447"/>
      <c r="T145" s="6"/>
      <c r="U145" s="250" t="s">
        <v>350</v>
      </c>
      <c r="BK145" s="235"/>
      <c r="BM145" s="188"/>
      <c r="BN145" s="233"/>
    </row>
    <row r="146" spans="4:70" ht="10.5" customHeight="1">
      <c r="D146" s="359"/>
      <c r="E146" s="360"/>
      <c r="F146" s="360"/>
      <c r="G146" s="361"/>
      <c r="H146" s="6"/>
      <c r="J146" s="7"/>
      <c r="K146" s="371" t="s">
        <v>86</v>
      </c>
      <c r="L146" s="277"/>
      <c r="M146" s="277"/>
      <c r="N146" s="277"/>
      <c r="O146" s="277"/>
      <c r="P146" s="277"/>
      <c r="Q146" s="277"/>
      <c r="R146" s="277"/>
      <c r="S146" s="372"/>
      <c r="T146" s="371" t="s">
        <v>356</v>
      </c>
      <c r="U146" s="277"/>
      <c r="V146" s="277"/>
      <c r="W146" s="277"/>
      <c r="X146" s="277"/>
      <c r="Y146" s="277"/>
      <c r="Z146" s="277"/>
      <c r="AA146" s="277"/>
      <c r="AB146" s="277"/>
      <c r="AC146" s="389"/>
      <c r="AD146" s="389"/>
      <c r="AE146" s="389"/>
      <c r="AF146" s="389"/>
      <c r="AG146" s="389"/>
      <c r="AH146" s="389"/>
      <c r="AI146" s="389"/>
      <c r="AJ146" s="389"/>
      <c r="AK146" s="389"/>
      <c r="AL146" s="219"/>
      <c r="AM146" s="219"/>
      <c r="AN146" s="219"/>
      <c r="AO146" s="219"/>
      <c r="AP146" s="219"/>
      <c r="AQ146" s="219"/>
      <c r="AR146" s="219"/>
      <c r="AS146" s="219"/>
      <c r="AT146" s="219"/>
      <c r="AU146" s="244"/>
      <c r="AV146" s="244"/>
      <c r="AW146" s="244"/>
      <c r="AX146" s="244"/>
      <c r="AY146" s="244"/>
      <c r="AZ146" s="244"/>
      <c r="BA146" s="244"/>
      <c r="BB146" s="244"/>
      <c r="BC146" s="252"/>
      <c r="BD146" s="449"/>
      <c r="BE146" s="450"/>
      <c r="BF146" s="450"/>
      <c r="BG146" s="450"/>
      <c r="BH146" s="450"/>
      <c r="BI146" s="450"/>
      <c r="BJ146" s="450"/>
      <c r="BK146" s="450"/>
      <c r="BL146" s="450"/>
      <c r="BM146" s="450"/>
      <c r="BN146" s="451"/>
      <c r="BO146" s="235"/>
      <c r="BQ146" s="188"/>
      <c r="BR146" s="188"/>
    </row>
    <row r="147" spans="4:70" ht="23.25" customHeight="1">
      <c r="D147" s="359"/>
      <c r="E147" s="360"/>
      <c r="F147" s="360"/>
      <c r="G147" s="361"/>
      <c r="H147" s="6"/>
      <c r="J147" s="7"/>
      <c r="K147" s="448"/>
      <c r="L147" s="308"/>
      <c r="M147" s="308"/>
      <c r="N147" s="308"/>
      <c r="O147" s="308"/>
      <c r="P147" s="308"/>
      <c r="Q147" s="308"/>
      <c r="R147" s="308"/>
      <c r="S147" s="447"/>
      <c r="T147" s="329"/>
      <c r="U147" s="275"/>
      <c r="V147" s="275"/>
      <c r="W147" s="275"/>
      <c r="X147" s="275"/>
      <c r="Y147" s="275"/>
      <c r="Z147" s="275"/>
      <c r="AA147" s="275"/>
      <c r="AB147" s="374"/>
      <c r="AC147" s="388" t="s">
        <v>357</v>
      </c>
      <c r="AD147" s="389"/>
      <c r="AE147" s="389"/>
      <c r="AF147" s="389"/>
      <c r="AG147" s="389"/>
      <c r="AH147" s="389"/>
      <c r="AI147" s="389"/>
      <c r="AJ147" s="389"/>
      <c r="AK147" s="390"/>
      <c r="AL147" s="388" t="s">
        <v>259</v>
      </c>
      <c r="AM147" s="389"/>
      <c r="AN147" s="389"/>
      <c r="AO147" s="389"/>
      <c r="AP147" s="389"/>
      <c r="AQ147" s="389"/>
      <c r="AR147" s="389"/>
      <c r="AS147" s="389"/>
      <c r="AT147" s="390"/>
      <c r="AU147" s="458" t="s">
        <v>260</v>
      </c>
      <c r="AV147" s="459"/>
      <c r="AW147" s="459"/>
      <c r="AX147" s="459"/>
      <c r="AY147" s="459"/>
      <c r="AZ147" s="459"/>
      <c r="BA147" s="459"/>
      <c r="BB147" s="459"/>
      <c r="BC147" s="460"/>
      <c r="BD147" s="452"/>
      <c r="BE147" s="453"/>
      <c r="BF147" s="453"/>
      <c r="BG147" s="453"/>
      <c r="BH147" s="453"/>
      <c r="BI147" s="453"/>
      <c r="BJ147" s="453"/>
      <c r="BK147" s="453"/>
      <c r="BL147" s="453"/>
      <c r="BM147" s="453"/>
      <c r="BN147" s="454"/>
      <c r="BO147" s="235"/>
      <c r="BQ147" s="188"/>
      <c r="BR147" s="188"/>
    </row>
    <row r="148" spans="4:70" ht="19.5" customHeight="1">
      <c r="D148" s="359"/>
      <c r="E148" s="360"/>
      <c r="F148" s="360"/>
      <c r="G148" s="361"/>
      <c r="H148" s="6"/>
      <c r="J148" s="7"/>
      <c r="K148" s="6"/>
      <c r="L148" s="7"/>
      <c r="M148" s="371" t="s">
        <v>89</v>
      </c>
      <c r="N148" s="277"/>
      <c r="O148" s="277"/>
      <c r="P148" s="277"/>
      <c r="Q148" s="277"/>
      <c r="R148" s="277"/>
      <c r="S148" s="372"/>
      <c r="T148" s="188"/>
      <c r="U148" s="188"/>
      <c r="V148" s="188"/>
      <c r="W148" s="308"/>
      <c r="X148" s="308"/>
      <c r="Y148" s="308"/>
      <c r="Z148" s="308"/>
      <c r="AA148" s="239" t="s">
        <v>91</v>
      </c>
      <c r="AB148" s="233"/>
      <c r="AC148" s="188"/>
      <c r="AD148" s="188"/>
      <c r="AE148" s="188"/>
      <c r="AF148" s="308"/>
      <c r="AG148" s="308"/>
      <c r="AH148" s="308"/>
      <c r="AI148" s="308"/>
      <c r="AJ148" s="239" t="s">
        <v>91</v>
      </c>
      <c r="AK148" s="233"/>
      <c r="AL148" s="188"/>
      <c r="AM148" s="188"/>
      <c r="AN148" s="188"/>
      <c r="AO148" s="188"/>
      <c r="AP148" s="188"/>
      <c r="AQ148" s="188"/>
      <c r="AR148" s="188"/>
      <c r="AS148" s="239" t="s">
        <v>91</v>
      </c>
      <c r="AT148" s="233"/>
      <c r="AU148" s="188"/>
      <c r="AV148" s="239"/>
      <c r="AW148" s="239"/>
      <c r="AX148" s="188"/>
      <c r="AY148" s="188"/>
      <c r="AZ148" s="188"/>
      <c r="BA148" s="188"/>
      <c r="BB148" s="239" t="s">
        <v>91</v>
      </c>
      <c r="BC148" s="233"/>
      <c r="BD148" s="452"/>
      <c r="BE148" s="453"/>
      <c r="BF148" s="453"/>
      <c r="BG148" s="453"/>
      <c r="BH148" s="453"/>
      <c r="BI148" s="453"/>
      <c r="BJ148" s="453"/>
      <c r="BK148" s="453"/>
      <c r="BL148" s="453"/>
      <c r="BM148" s="453"/>
      <c r="BN148" s="454"/>
      <c r="BO148" s="235"/>
      <c r="BQ148" s="188"/>
      <c r="BR148" s="188"/>
    </row>
    <row r="149" spans="4:70" ht="19.5" customHeight="1">
      <c r="D149" s="359"/>
      <c r="E149" s="360"/>
      <c r="F149" s="360"/>
      <c r="G149" s="361"/>
      <c r="H149" s="6"/>
      <c r="J149" s="7"/>
      <c r="K149" s="8"/>
      <c r="L149" s="9"/>
      <c r="M149" s="329" t="s">
        <v>90</v>
      </c>
      <c r="N149" s="275"/>
      <c r="O149" s="275"/>
      <c r="P149" s="275"/>
      <c r="Q149" s="275"/>
      <c r="R149" s="275"/>
      <c r="S149" s="374"/>
      <c r="T149" s="188"/>
      <c r="U149" s="188"/>
      <c r="V149" s="188"/>
      <c r="W149" s="275"/>
      <c r="X149" s="275"/>
      <c r="Y149" s="275"/>
      <c r="Z149" s="275"/>
      <c r="AA149" s="239" t="s">
        <v>92</v>
      </c>
      <c r="AB149" s="233"/>
      <c r="AC149" s="188"/>
      <c r="AD149" s="188"/>
      <c r="AE149" s="188"/>
      <c r="AF149" s="275"/>
      <c r="AG149" s="275"/>
      <c r="AH149" s="275"/>
      <c r="AI149" s="275"/>
      <c r="AJ149" s="239" t="s">
        <v>92</v>
      </c>
      <c r="AK149" s="233"/>
      <c r="AL149" s="188"/>
      <c r="AM149" s="188"/>
      <c r="AN149" s="188"/>
      <c r="AO149" s="176"/>
      <c r="AP149" s="176"/>
      <c r="AQ149" s="176"/>
      <c r="AR149" s="176"/>
      <c r="AS149" s="239" t="s">
        <v>92</v>
      </c>
      <c r="AT149" s="233"/>
      <c r="AU149" s="188"/>
      <c r="AV149" s="239"/>
      <c r="AW149" s="239"/>
      <c r="AX149" s="176"/>
      <c r="AY149" s="176"/>
      <c r="AZ149" s="176"/>
      <c r="BA149" s="176"/>
      <c r="BB149" s="239" t="s">
        <v>92</v>
      </c>
      <c r="BC149" s="233"/>
      <c r="BD149" s="455"/>
      <c r="BE149" s="456"/>
      <c r="BF149" s="456"/>
      <c r="BG149" s="456"/>
      <c r="BH149" s="456"/>
      <c r="BI149" s="456"/>
      <c r="BJ149" s="456"/>
      <c r="BK149" s="456"/>
      <c r="BL149" s="456"/>
      <c r="BM149" s="456"/>
      <c r="BN149" s="457"/>
      <c r="BO149" s="235"/>
      <c r="BQ149" s="188"/>
      <c r="BR149" s="188"/>
    </row>
    <row r="150" spans="4:70" ht="24.75" customHeight="1">
      <c r="D150" s="359"/>
      <c r="E150" s="360"/>
      <c r="F150" s="360"/>
      <c r="G150" s="361"/>
      <c r="H150" s="6"/>
      <c r="J150" s="7"/>
      <c r="K150" s="371" t="s">
        <v>86</v>
      </c>
      <c r="L150" s="277"/>
      <c r="M150" s="389"/>
      <c r="N150" s="389"/>
      <c r="O150" s="389"/>
      <c r="P150" s="389"/>
      <c r="Q150" s="389"/>
      <c r="R150" s="389"/>
      <c r="S150" s="390"/>
      <c r="T150" s="388" t="s">
        <v>87</v>
      </c>
      <c r="U150" s="389"/>
      <c r="V150" s="389"/>
      <c r="W150" s="389"/>
      <c r="X150" s="389"/>
      <c r="Y150" s="389"/>
      <c r="Z150" s="389"/>
      <c r="AA150" s="389"/>
      <c r="AB150" s="390"/>
      <c r="AC150" s="388" t="s">
        <v>359</v>
      </c>
      <c r="AD150" s="389"/>
      <c r="AE150" s="389"/>
      <c r="AF150" s="389"/>
      <c r="AG150" s="389"/>
      <c r="AH150" s="389"/>
      <c r="AI150" s="389"/>
      <c r="AJ150" s="389"/>
      <c r="AK150" s="390"/>
      <c r="AL150" s="388" t="s">
        <v>88</v>
      </c>
      <c r="AM150" s="389"/>
      <c r="AN150" s="389"/>
      <c r="AO150" s="389"/>
      <c r="AP150" s="389"/>
      <c r="AQ150" s="389"/>
      <c r="AR150" s="389"/>
      <c r="AS150" s="389"/>
      <c r="AT150" s="390"/>
      <c r="AU150" s="388" t="s">
        <v>49</v>
      </c>
      <c r="AV150" s="389"/>
      <c r="AW150" s="389"/>
      <c r="AX150" s="389"/>
      <c r="AY150" s="389"/>
      <c r="AZ150" s="389"/>
      <c r="BA150" s="389"/>
      <c r="BB150" s="389"/>
      <c r="BC150" s="390"/>
      <c r="BD150" s="388" t="s">
        <v>358</v>
      </c>
      <c r="BE150" s="389"/>
      <c r="BF150" s="389"/>
      <c r="BG150" s="389"/>
      <c r="BH150" s="389"/>
      <c r="BI150" s="389"/>
      <c r="BJ150" s="389"/>
      <c r="BK150" s="389"/>
      <c r="BL150" s="389"/>
      <c r="BM150" s="389"/>
      <c r="BN150" s="390"/>
      <c r="BO150" s="235"/>
      <c r="BQ150" s="188"/>
      <c r="BR150" s="188"/>
    </row>
    <row r="151" spans="4:70" ht="19.5" customHeight="1">
      <c r="D151" s="359"/>
      <c r="E151" s="360"/>
      <c r="F151" s="360"/>
      <c r="G151" s="361"/>
      <c r="H151" s="6"/>
      <c r="J151" s="7"/>
      <c r="K151" s="6"/>
      <c r="L151" s="7"/>
      <c r="M151" s="371" t="s">
        <v>89</v>
      </c>
      <c r="N151" s="277"/>
      <c r="O151" s="277"/>
      <c r="P151" s="277"/>
      <c r="Q151" s="277"/>
      <c r="R151" s="277"/>
      <c r="S151" s="372"/>
      <c r="T151" s="178"/>
      <c r="U151" s="338"/>
      <c r="V151" s="338"/>
      <c r="W151" s="338"/>
      <c r="X151" s="338"/>
      <c r="Y151" s="338"/>
      <c r="Z151" s="338"/>
      <c r="AA151" s="192" t="s">
        <v>91</v>
      </c>
      <c r="AB151" s="213"/>
      <c r="AC151" s="192"/>
      <c r="AD151" s="338"/>
      <c r="AE151" s="338"/>
      <c r="AF151" s="338"/>
      <c r="AG151" s="338"/>
      <c r="AH151" s="338"/>
      <c r="AI151" s="338"/>
      <c r="AJ151" s="192" t="s">
        <v>91</v>
      </c>
      <c r="AK151" s="213"/>
      <c r="AL151" s="192"/>
      <c r="AM151" s="338"/>
      <c r="AN151" s="338"/>
      <c r="AO151" s="338"/>
      <c r="AP151" s="338"/>
      <c r="AQ151" s="338"/>
      <c r="AR151" s="338"/>
      <c r="AS151" s="192" t="s">
        <v>91</v>
      </c>
      <c r="AT151" s="213"/>
      <c r="AU151" s="198"/>
      <c r="AV151" s="198"/>
      <c r="AW151" s="249"/>
      <c r="AX151" s="249"/>
      <c r="AY151" s="249"/>
      <c r="AZ151" s="249"/>
      <c r="BA151" s="249"/>
      <c r="BB151" s="192"/>
      <c r="BC151" s="213"/>
      <c r="BD151" s="2"/>
      <c r="BE151" s="249"/>
      <c r="BF151" s="198"/>
      <c r="BG151" s="198"/>
      <c r="BH151" s="249"/>
      <c r="BI151" s="249"/>
      <c r="BJ151" s="249"/>
      <c r="BK151" s="249"/>
      <c r="BL151" s="249"/>
      <c r="BM151" s="249"/>
      <c r="BN151" s="3"/>
      <c r="BO151" s="235"/>
      <c r="BQ151" s="188"/>
      <c r="BR151" s="188"/>
    </row>
    <row r="152" spans="4:70" ht="19.5" customHeight="1">
      <c r="D152" s="359"/>
      <c r="E152" s="360"/>
      <c r="F152" s="360"/>
      <c r="G152" s="361"/>
      <c r="H152" s="6"/>
      <c r="J152" s="7"/>
      <c r="K152" s="6"/>
      <c r="L152" s="7"/>
      <c r="M152" s="448" t="s">
        <v>90</v>
      </c>
      <c r="N152" s="308"/>
      <c r="O152" s="308"/>
      <c r="P152" s="308"/>
      <c r="Q152" s="308"/>
      <c r="R152" s="308"/>
      <c r="S152" s="447"/>
      <c r="T152" s="188"/>
      <c r="U152" s="461"/>
      <c r="V152" s="461"/>
      <c r="W152" s="461"/>
      <c r="X152" s="461"/>
      <c r="Y152" s="461"/>
      <c r="Z152" s="461"/>
      <c r="AA152" s="239" t="s">
        <v>92</v>
      </c>
      <c r="AB152" s="233"/>
      <c r="AC152" s="239"/>
      <c r="AD152" s="461"/>
      <c r="AE152" s="461"/>
      <c r="AF152" s="461"/>
      <c r="AG152" s="461"/>
      <c r="AH152" s="461"/>
      <c r="AI152" s="461"/>
      <c r="AJ152" s="239" t="s">
        <v>92</v>
      </c>
      <c r="AK152" s="233"/>
      <c r="AL152" s="239"/>
      <c r="AM152" s="461"/>
      <c r="AN152" s="461"/>
      <c r="AO152" s="461"/>
      <c r="AP152" s="461"/>
      <c r="AQ152" s="461"/>
      <c r="AR152" s="461"/>
      <c r="AS152" s="239" t="s">
        <v>92</v>
      </c>
      <c r="AT152" s="233"/>
      <c r="AU152" s="235"/>
      <c r="AV152" s="461"/>
      <c r="AW152" s="461"/>
      <c r="AX152" s="461"/>
      <c r="AY152" s="461"/>
      <c r="AZ152" s="461"/>
      <c r="BA152" s="461"/>
      <c r="BB152" s="239" t="s">
        <v>92</v>
      </c>
      <c r="BC152" s="233"/>
      <c r="BD152" s="6"/>
      <c r="BF152" s="239"/>
      <c r="BG152" s="461"/>
      <c r="BH152" s="461"/>
      <c r="BI152" s="461"/>
      <c r="BJ152" s="461"/>
      <c r="BK152" s="461"/>
      <c r="BL152" s="461"/>
      <c r="BM152" s="239" t="s">
        <v>92</v>
      </c>
      <c r="BN152" s="233"/>
      <c r="BO152" s="235"/>
      <c r="BQ152" s="188"/>
      <c r="BR152" s="188"/>
    </row>
    <row r="153" spans="4:70" ht="19.5" customHeight="1">
      <c r="D153" s="359"/>
      <c r="E153" s="360"/>
      <c r="F153" s="360"/>
      <c r="G153" s="361"/>
      <c r="H153" s="56"/>
      <c r="I153" s="177"/>
      <c r="J153" s="118"/>
      <c r="K153" s="56"/>
      <c r="L153" s="177"/>
      <c r="M153" s="56"/>
      <c r="N153" s="177"/>
      <c r="O153" s="177"/>
      <c r="P153" s="177"/>
      <c r="Q153" s="177"/>
      <c r="R153" s="177"/>
      <c r="S153" s="9"/>
      <c r="T153" s="194"/>
      <c r="U153" s="176"/>
      <c r="V153" s="176"/>
      <c r="W153" s="176"/>
      <c r="X153" s="176"/>
      <c r="Y153" s="176"/>
      <c r="Z153" s="196"/>
      <c r="AA153" s="196"/>
      <c r="AB153" s="241"/>
      <c r="AC153" s="196"/>
      <c r="AD153" s="196"/>
      <c r="AE153" s="196"/>
      <c r="AF153" s="196"/>
      <c r="AG153" s="275"/>
      <c r="AH153" s="275"/>
      <c r="AI153" s="275"/>
      <c r="AJ153" s="196"/>
      <c r="AK153" s="197"/>
      <c r="AL153" s="80" t="s">
        <v>93</v>
      </c>
      <c r="AM153" s="196"/>
      <c r="AN153" s="196"/>
      <c r="AO153" s="196"/>
      <c r="AP153" s="275"/>
      <c r="AQ153" s="275"/>
      <c r="AR153" s="275"/>
      <c r="AS153" s="196" t="s">
        <v>94</v>
      </c>
      <c r="AT153" s="197"/>
      <c r="AU153" s="57"/>
      <c r="AV153" s="197"/>
      <c r="AW153" s="197"/>
      <c r="AX153" s="197"/>
      <c r="AY153" s="197"/>
      <c r="AZ153" s="197"/>
      <c r="BA153" s="197"/>
      <c r="BB153" s="176"/>
      <c r="BC153" s="214"/>
      <c r="BD153" s="80"/>
      <c r="BE153" s="197"/>
      <c r="BF153" s="197"/>
      <c r="BG153" s="197"/>
      <c r="BH153" s="251"/>
      <c r="BI153" s="251"/>
      <c r="BJ153" s="251"/>
      <c r="BK153" s="251"/>
      <c r="BL153" s="251"/>
      <c r="BM153" s="251"/>
      <c r="BN153" s="9"/>
      <c r="BO153" s="69"/>
      <c r="BQ153" s="188"/>
      <c r="BR153" s="188"/>
    </row>
    <row r="154" spans="4:70" ht="27.75" customHeight="1">
      <c r="D154" s="359"/>
      <c r="E154" s="360"/>
      <c r="F154" s="360"/>
      <c r="G154" s="361"/>
      <c r="H154" s="388" t="s">
        <v>351</v>
      </c>
      <c r="I154" s="389"/>
      <c r="J154" s="389"/>
      <c r="K154" s="389"/>
      <c r="L154" s="389"/>
      <c r="M154" s="389"/>
      <c r="N154" s="389"/>
      <c r="O154" s="389"/>
      <c r="P154" s="389"/>
      <c r="Q154" s="389"/>
      <c r="R154" s="389"/>
      <c r="S154" s="389"/>
      <c r="T154" s="37" t="s">
        <v>352</v>
      </c>
      <c r="U154" s="219"/>
      <c r="V154" s="219"/>
      <c r="W154" s="219"/>
      <c r="X154" s="219"/>
      <c r="Y154" s="219"/>
      <c r="Z154" s="123"/>
      <c r="AA154" s="123"/>
      <c r="AB154" s="123"/>
      <c r="AC154" s="123"/>
      <c r="AD154" s="142"/>
      <c r="AE154" s="463" t="s">
        <v>132</v>
      </c>
      <c r="AF154" s="389"/>
      <c r="AG154" s="389"/>
      <c r="AH154" s="75"/>
      <c r="AI154" s="123" t="s">
        <v>354</v>
      </c>
      <c r="AJ154" s="219"/>
      <c r="AK154" s="459" t="s">
        <v>353</v>
      </c>
      <c r="AL154" s="459"/>
      <c r="AM154" s="459"/>
      <c r="AN154" s="459"/>
      <c r="AO154" s="459"/>
      <c r="AP154" s="459"/>
      <c r="AQ154" s="459"/>
      <c r="AR154" s="459"/>
      <c r="AS154" s="459"/>
      <c r="AT154" s="459"/>
      <c r="AU154" s="459"/>
      <c r="AV154" s="459"/>
      <c r="AW154" s="459"/>
      <c r="AX154" s="459"/>
      <c r="AY154" s="459"/>
      <c r="AZ154" s="459"/>
      <c r="BA154" s="459"/>
      <c r="BB154" s="459"/>
      <c r="BC154" s="459"/>
      <c r="BD154" s="459"/>
      <c r="BE154" s="459"/>
      <c r="BF154" s="459"/>
      <c r="BG154" s="459"/>
      <c r="BH154" s="219"/>
      <c r="BI154" s="38" t="s">
        <v>355</v>
      </c>
      <c r="BJ154" s="38"/>
      <c r="BK154" s="38"/>
      <c r="BL154" s="38"/>
      <c r="BM154" s="38"/>
      <c r="BN154" s="39"/>
      <c r="BO154" s="69"/>
      <c r="BQ154" s="188"/>
      <c r="BR154" s="188"/>
    </row>
    <row r="155" spans="4:70" ht="19.5" customHeight="1">
      <c r="D155" s="359"/>
      <c r="E155" s="360"/>
      <c r="F155" s="360"/>
      <c r="G155" s="361"/>
      <c r="H155" s="371" t="s">
        <v>3</v>
      </c>
      <c r="I155" s="277"/>
      <c r="J155" s="277"/>
      <c r="K155" s="277"/>
      <c r="L155" s="277"/>
      <c r="M155" s="277"/>
      <c r="N155" s="277"/>
      <c r="O155" s="277"/>
      <c r="P155" s="277"/>
      <c r="Q155" s="277"/>
      <c r="R155" s="277"/>
      <c r="S155" s="372"/>
      <c r="U155" s="188"/>
      <c r="V155" s="250" t="s">
        <v>96</v>
      </c>
      <c r="X155" s="188"/>
      <c r="Y155" s="188"/>
      <c r="Z155" s="188"/>
      <c r="AA155" s="188"/>
      <c r="AB155" s="188"/>
      <c r="AC155" s="188"/>
      <c r="AD155" s="188"/>
      <c r="AE155" s="188"/>
      <c r="AF155" s="188"/>
      <c r="AG155" s="188"/>
      <c r="AH155" s="239"/>
      <c r="AI155" s="239"/>
      <c r="AJ155" s="239"/>
      <c r="AK155" s="239"/>
      <c r="AL155" s="239"/>
      <c r="AM155" s="239"/>
      <c r="AN155" s="239"/>
      <c r="AO155" s="239"/>
      <c r="AP155" s="239"/>
      <c r="AQ155" s="239"/>
      <c r="AR155" s="239"/>
      <c r="AS155" s="235"/>
      <c r="AT155" s="235"/>
      <c r="AU155" s="235"/>
      <c r="AV155" s="235"/>
      <c r="AW155" s="235"/>
      <c r="AX155" s="235"/>
      <c r="AY155" s="235"/>
      <c r="AZ155" s="55"/>
      <c r="BA155" s="448" t="s">
        <v>98</v>
      </c>
      <c r="BB155" s="308"/>
      <c r="BC155" s="308"/>
      <c r="BD155" s="308"/>
      <c r="BE155" s="308"/>
      <c r="BF155" s="308"/>
      <c r="BG155" s="308"/>
      <c r="BH155" s="308"/>
      <c r="BI155" s="308"/>
      <c r="BJ155" s="308"/>
      <c r="BK155" s="308"/>
      <c r="BL155" s="308" t="s">
        <v>97</v>
      </c>
      <c r="BM155" s="308"/>
      <c r="BN155" s="447"/>
      <c r="BO155" s="235"/>
      <c r="BQ155" s="188"/>
      <c r="BR155" s="188"/>
    </row>
    <row r="156" spans="4:70" ht="19.5" customHeight="1">
      <c r="D156" s="359"/>
      <c r="E156" s="360"/>
      <c r="F156" s="360"/>
      <c r="G156" s="361"/>
      <c r="H156" s="329"/>
      <c r="I156" s="275"/>
      <c r="J156" s="275"/>
      <c r="K156" s="275"/>
      <c r="L156" s="275"/>
      <c r="M156" s="275"/>
      <c r="N156" s="275"/>
      <c r="O156" s="275"/>
      <c r="P156" s="275"/>
      <c r="Q156" s="275"/>
      <c r="R156" s="275"/>
      <c r="S156" s="374"/>
      <c r="T156" s="176"/>
      <c r="U156" s="176"/>
      <c r="V156" s="251" t="s">
        <v>95</v>
      </c>
      <c r="W156" s="251"/>
      <c r="X156" s="176"/>
      <c r="Y156" s="176"/>
      <c r="Z156" s="176"/>
      <c r="AA156" s="176"/>
      <c r="AB156" s="176"/>
      <c r="AC156" s="176"/>
      <c r="AD156" s="176"/>
      <c r="AE156" s="176"/>
      <c r="AF156" s="176"/>
      <c r="AG156" s="176"/>
      <c r="AH156" s="196"/>
      <c r="AI156" s="196"/>
      <c r="AJ156" s="196"/>
      <c r="AK156" s="196"/>
      <c r="AL156" s="196"/>
      <c r="AM156" s="196"/>
      <c r="AN156" s="196"/>
      <c r="AO156" s="196"/>
      <c r="AP156" s="196"/>
      <c r="AQ156" s="196"/>
      <c r="AR156" s="196"/>
      <c r="AS156" s="197"/>
      <c r="AT156" s="197"/>
      <c r="AU156" s="197"/>
      <c r="AV156" s="197"/>
      <c r="AW156" s="197"/>
      <c r="AX156" s="197"/>
      <c r="AY156" s="197"/>
      <c r="AZ156" s="16"/>
      <c r="BA156" s="329"/>
      <c r="BB156" s="275"/>
      <c r="BC156" s="275"/>
      <c r="BD156" s="275"/>
      <c r="BE156" s="275"/>
      <c r="BF156" s="275"/>
      <c r="BG156" s="275"/>
      <c r="BH156" s="275"/>
      <c r="BI156" s="275"/>
      <c r="BJ156" s="275"/>
      <c r="BK156" s="275"/>
      <c r="BL156" s="275"/>
      <c r="BM156" s="275"/>
      <c r="BN156" s="374"/>
      <c r="BO156" s="235"/>
      <c r="BQ156" s="188"/>
      <c r="BR156" s="188"/>
    </row>
    <row r="157" spans="4:70" ht="24" customHeight="1">
      <c r="D157" s="359"/>
      <c r="E157" s="360"/>
      <c r="F157" s="360"/>
      <c r="G157" s="361"/>
      <c r="H157" s="388" t="s">
        <v>99</v>
      </c>
      <c r="I157" s="389"/>
      <c r="J157" s="389"/>
      <c r="K157" s="389"/>
      <c r="L157" s="389"/>
      <c r="M157" s="389"/>
      <c r="N157" s="389"/>
      <c r="O157" s="389"/>
      <c r="P157" s="389"/>
      <c r="Q157" s="389"/>
      <c r="R157" s="389"/>
      <c r="S157" s="390"/>
      <c r="T157" s="218"/>
      <c r="U157" s="38" t="s">
        <v>100</v>
      </c>
      <c r="V157" s="219"/>
      <c r="W157" s="219"/>
      <c r="X157" s="219"/>
      <c r="Y157" s="219"/>
      <c r="Z157" s="219"/>
      <c r="AA157" s="219"/>
      <c r="AB157" s="219"/>
      <c r="AC157" s="219"/>
      <c r="AD157" s="219"/>
      <c r="AE157" s="219"/>
      <c r="AF157" s="219"/>
      <c r="AG157" s="219"/>
      <c r="AH157" s="219"/>
      <c r="AI157" s="123"/>
      <c r="AJ157" s="123"/>
      <c r="AK157" s="123"/>
      <c r="AL157" s="123"/>
      <c r="AM157" s="123"/>
      <c r="AN157" s="123"/>
      <c r="AO157" s="123"/>
      <c r="AP157" s="123"/>
      <c r="AQ157" s="123"/>
      <c r="AR157" s="123"/>
      <c r="AS157" s="123"/>
      <c r="AT157" s="58"/>
      <c r="AU157" s="58"/>
      <c r="AV157" s="58"/>
      <c r="AW157" s="58"/>
      <c r="AX157" s="58"/>
      <c r="AY157" s="58"/>
      <c r="AZ157" s="58"/>
      <c r="BA157" s="58"/>
      <c r="BB157" s="219"/>
      <c r="BC157" s="219"/>
      <c r="BD157" s="219"/>
      <c r="BE157" s="219"/>
      <c r="BF157" s="219"/>
      <c r="BG157" s="219"/>
      <c r="BH157" s="219"/>
      <c r="BI157" s="123"/>
      <c r="BJ157" s="123"/>
      <c r="BK157" s="123"/>
      <c r="BL157" s="58"/>
      <c r="BM157" s="58"/>
      <c r="BN157" s="66"/>
      <c r="BO157" s="235"/>
      <c r="BQ157" s="188"/>
      <c r="BR157" s="188"/>
    </row>
    <row r="158" spans="4:70" ht="22.2" customHeight="1">
      <c r="D158" s="362"/>
      <c r="E158" s="363"/>
      <c r="F158" s="363"/>
      <c r="G158" s="364"/>
      <c r="H158" s="388" t="s">
        <v>255</v>
      </c>
      <c r="I158" s="389"/>
      <c r="J158" s="389"/>
      <c r="K158" s="389"/>
      <c r="L158" s="389"/>
      <c r="M158" s="389"/>
      <c r="N158" s="389"/>
      <c r="O158" s="389"/>
      <c r="P158" s="389"/>
      <c r="Q158" s="389"/>
      <c r="R158" s="389"/>
      <c r="S158" s="390"/>
      <c r="T158" s="37"/>
      <c r="U158" s="38" t="s">
        <v>256</v>
      </c>
      <c r="V158" s="38"/>
      <c r="W158" s="38"/>
      <c r="X158" s="38"/>
      <c r="Y158" s="38"/>
      <c r="Z158" s="38"/>
      <c r="AA158" s="38"/>
      <c r="AB158" s="38"/>
      <c r="AC158" s="38"/>
      <c r="AD158" s="38"/>
      <c r="AE158" s="38"/>
      <c r="AF158" s="38"/>
      <c r="AG158" s="38"/>
      <c r="AH158" s="38"/>
      <c r="AI158" s="38"/>
      <c r="AJ158" s="38"/>
      <c r="AK158" s="38"/>
      <c r="AL158" s="38"/>
      <c r="AM158" s="38"/>
      <c r="AN158" s="38"/>
      <c r="AO158" s="38"/>
      <c r="AP158" s="38"/>
      <c r="AQ158" s="38"/>
      <c r="AR158" s="38"/>
      <c r="AS158" s="38"/>
      <c r="AT158" s="38"/>
      <c r="AU158" s="38"/>
      <c r="AV158" s="38"/>
      <c r="AW158" s="38"/>
      <c r="AX158" s="38"/>
      <c r="AY158" s="38"/>
      <c r="AZ158" s="38"/>
      <c r="BA158" s="38"/>
      <c r="BB158" s="38"/>
      <c r="BC158" s="38"/>
      <c r="BD158" s="38"/>
      <c r="BE158" s="38"/>
      <c r="BF158" s="38"/>
      <c r="BG158" s="38"/>
      <c r="BH158" s="38"/>
      <c r="BI158" s="38"/>
      <c r="BJ158" s="38"/>
      <c r="BK158" s="38"/>
      <c r="BL158" s="38"/>
      <c r="BM158" s="38"/>
      <c r="BN158" s="39"/>
      <c r="BO158" s="235"/>
      <c r="BQ158" s="188"/>
      <c r="BR158" s="188"/>
    </row>
    <row r="159" spans="4:70" ht="23.25" customHeight="1">
      <c r="D159" s="67"/>
      <c r="E159" s="462" t="s">
        <v>407</v>
      </c>
      <c r="F159" s="462"/>
      <c r="G159" s="123" t="s">
        <v>139</v>
      </c>
      <c r="H159" s="123"/>
      <c r="I159" s="219"/>
      <c r="J159" s="219"/>
      <c r="K159" s="219"/>
      <c r="L159" s="219"/>
      <c r="M159" s="219"/>
      <c r="N159" s="219"/>
      <c r="O159" s="219"/>
      <c r="P159" s="219"/>
      <c r="Q159" s="219"/>
      <c r="R159" s="219"/>
      <c r="S159" s="220"/>
      <c r="T159" s="218"/>
      <c r="U159" s="38" t="s">
        <v>140</v>
      </c>
      <c r="V159" s="219"/>
      <c r="W159" s="219"/>
      <c r="X159" s="219"/>
      <c r="Y159" s="219"/>
      <c r="Z159" s="219"/>
      <c r="AA159" s="219"/>
      <c r="AB159" s="219"/>
      <c r="AC159" s="219"/>
      <c r="AD159" s="219"/>
      <c r="AE159" s="219"/>
      <c r="AF159" s="219"/>
      <c r="AG159" s="219"/>
      <c r="AH159" s="219"/>
      <c r="AI159" s="123"/>
      <c r="AJ159" s="123"/>
      <c r="AK159" s="123"/>
      <c r="AL159" s="123"/>
      <c r="AM159" s="123"/>
      <c r="AN159" s="123"/>
      <c r="AO159" s="123"/>
      <c r="AP159" s="123"/>
      <c r="AQ159" s="123"/>
      <c r="AR159" s="123"/>
      <c r="AS159" s="123"/>
      <c r="AT159" s="58"/>
      <c r="AU159" s="58"/>
      <c r="AV159" s="58"/>
      <c r="AW159" s="58"/>
      <c r="AX159" s="58"/>
      <c r="AY159" s="58"/>
      <c r="AZ159" s="58"/>
      <c r="BA159" s="58"/>
      <c r="BB159" s="219"/>
      <c r="BC159" s="219"/>
      <c r="BD159" s="219"/>
      <c r="BE159" s="219"/>
      <c r="BF159" s="219"/>
      <c r="BG159" s="219"/>
      <c r="BH159" s="219"/>
      <c r="BI159" s="123"/>
      <c r="BJ159" s="123"/>
      <c r="BK159" s="123"/>
      <c r="BL159" s="463" t="s">
        <v>132</v>
      </c>
      <c r="BM159" s="389"/>
      <c r="BN159" s="390"/>
      <c r="BO159" s="235"/>
      <c r="BQ159" s="188"/>
      <c r="BR159" s="188"/>
    </row>
    <row r="160" spans="4:70" ht="23.25" customHeight="1">
      <c r="D160" s="67"/>
      <c r="E160" s="462" t="s">
        <v>387</v>
      </c>
      <c r="F160" s="462"/>
      <c r="G160" s="123" t="s">
        <v>141</v>
      </c>
      <c r="H160" s="123"/>
      <c r="I160" s="219"/>
      <c r="J160" s="219"/>
      <c r="K160" s="219"/>
      <c r="L160" s="219"/>
      <c r="M160" s="219"/>
      <c r="N160" s="219"/>
      <c r="O160" s="219"/>
      <c r="P160" s="219"/>
      <c r="Q160" s="219"/>
      <c r="R160" s="219"/>
      <c r="S160" s="220"/>
      <c r="T160" s="218"/>
      <c r="U160" s="38" t="s">
        <v>142</v>
      </c>
      <c r="V160" s="219"/>
      <c r="W160" s="219"/>
      <c r="X160" s="219"/>
      <c r="Y160" s="219"/>
      <c r="Z160" s="219"/>
      <c r="AA160" s="219"/>
      <c r="AB160" s="219"/>
      <c r="AC160" s="219"/>
      <c r="AD160" s="219"/>
      <c r="AE160" s="219"/>
      <c r="AF160" s="219"/>
      <c r="AG160" s="219"/>
      <c r="AH160" s="219"/>
      <c r="AI160" s="123"/>
      <c r="AJ160" s="123"/>
      <c r="AK160" s="123"/>
      <c r="AL160" s="123"/>
      <c r="AM160" s="123"/>
      <c r="AN160" s="123"/>
      <c r="AO160" s="123"/>
      <c r="AP160" s="123"/>
      <c r="AQ160" s="123"/>
      <c r="AR160" s="123"/>
      <c r="AS160" s="123"/>
      <c r="AT160" s="58"/>
      <c r="AU160" s="58"/>
      <c r="AV160" s="58"/>
      <c r="AW160" s="58"/>
      <c r="AX160" s="58"/>
      <c r="AY160" s="58"/>
      <c r="AZ160" s="58"/>
      <c r="BA160" s="58"/>
      <c r="BB160" s="219"/>
      <c r="BC160" s="219"/>
      <c r="BD160" s="219"/>
      <c r="BE160" s="219"/>
      <c r="BF160" s="219"/>
      <c r="BG160" s="219"/>
      <c r="BH160" s="219"/>
      <c r="BI160" s="123"/>
      <c r="BJ160" s="123"/>
      <c r="BK160" s="123"/>
      <c r="BL160" s="38"/>
      <c r="BM160" s="38"/>
      <c r="BN160" s="39"/>
      <c r="BO160" s="235"/>
      <c r="BQ160" s="188"/>
      <c r="BR160" s="188"/>
    </row>
    <row r="161" spans="4:70" ht="23.25" customHeight="1">
      <c r="D161" s="67"/>
      <c r="E161" s="462" t="s">
        <v>388</v>
      </c>
      <c r="F161" s="462"/>
      <c r="G161" s="123" t="s">
        <v>143</v>
      </c>
      <c r="H161" s="123"/>
      <c r="I161" s="219"/>
      <c r="J161" s="219"/>
      <c r="K161" s="219"/>
      <c r="L161" s="219"/>
      <c r="M161" s="219"/>
      <c r="N161" s="219"/>
      <c r="O161" s="219"/>
      <c r="P161" s="219"/>
      <c r="Q161" s="219"/>
      <c r="R161" s="219"/>
      <c r="S161" s="220"/>
      <c r="T161" s="218"/>
      <c r="U161" s="38" t="s">
        <v>144</v>
      </c>
      <c r="V161" s="219"/>
      <c r="W161" s="219"/>
      <c r="X161" s="219"/>
      <c r="Y161" s="219"/>
      <c r="Z161" s="219"/>
      <c r="AA161" s="219"/>
      <c r="AB161" s="219"/>
      <c r="AC161" s="219"/>
      <c r="AD161" s="219"/>
      <c r="AE161" s="219"/>
      <c r="AF161" s="219"/>
      <c r="AG161" s="219"/>
      <c r="AH161" s="219"/>
      <c r="AI161" s="123"/>
      <c r="AJ161" s="123"/>
      <c r="AK161" s="123"/>
      <c r="AL161" s="123"/>
      <c r="AM161" s="123"/>
      <c r="AN161" s="123"/>
      <c r="AO161" s="123"/>
      <c r="AP161" s="123"/>
      <c r="AQ161" s="123"/>
      <c r="AR161" s="123"/>
      <c r="AS161" s="123"/>
      <c r="AT161" s="58"/>
      <c r="AU161" s="58"/>
      <c r="AV161" s="58"/>
      <c r="AW161" s="58"/>
      <c r="AX161" s="58"/>
      <c r="AY161" s="58"/>
      <c r="AZ161" s="58"/>
      <c r="BA161" s="58"/>
      <c r="BB161" s="219"/>
      <c r="BC161" s="219"/>
      <c r="BD161" s="219"/>
      <c r="BE161" s="219"/>
      <c r="BF161" s="219"/>
      <c r="BG161" s="219"/>
      <c r="BH161" s="219"/>
      <c r="BI161" s="123"/>
      <c r="BJ161" s="123"/>
      <c r="BK161" s="123"/>
      <c r="BL161" s="38"/>
      <c r="BM161" s="38"/>
      <c r="BN161" s="39"/>
      <c r="BO161" s="235"/>
      <c r="BQ161" s="188"/>
      <c r="BR161" s="188"/>
    </row>
    <row r="162" spans="4:70" ht="23.25" customHeight="1">
      <c r="D162" s="67"/>
      <c r="E162" s="462" t="s">
        <v>389</v>
      </c>
      <c r="F162" s="462"/>
      <c r="G162" s="123" t="s">
        <v>145</v>
      </c>
      <c r="H162" s="123"/>
      <c r="I162" s="219"/>
      <c r="J162" s="219"/>
      <c r="K162" s="219"/>
      <c r="L162" s="219"/>
      <c r="M162" s="219"/>
      <c r="N162" s="219"/>
      <c r="O162" s="219"/>
      <c r="P162" s="219"/>
      <c r="Q162" s="219"/>
      <c r="R162" s="219"/>
      <c r="S162" s="220"/>
      <c r="T162" s="218"/>
      <c r="U162" s="38" t="s">
        <v>146</v>
      </c>
      <c r="V162" s="219"/>
      <c r="W162" s="219"/>
      <c r="X162" s="219"/>
      <c r="Y162" s="219"/>
      <c r="Z162" s="219"/>
      <c r="AA162" s="219"/>
      <c r="AB162" s="219"/>
      <c r="AC162" s="219"/>
      <c r="AD162" s="219"/>
      <c r="AE162" s="219"/>
      <c r="AF162" s="219"/>
      <c r="AG162" s="219"/>
      <c r="AH162" s="219"/>
      <c r="AI162" s="123"/>
      <c r="AJ162" s="123"/>
      <c r="AK162" s="123"/>
      <c r="AL162" s="123"/>
      <c r="AM162" s="123"/>
      <c r="AN162" s="123"/>
      <c r="AO162" s="123"/>
      <c r="AP162" s="123"/>
      <c r="AQ162" s="123"/>
      <c r="AR162" s="123"/>
      <c r="AS162" s="123"/>
      <c r="AT162" s="58"/>
      <c r="AU162" s="58"/>
      <c r="AV162" s="58"/>
      <c r="AW162" s="58"/>
      <c r="AX162" s="58"/>
      <c r="AY162" s="58"/>
      <c r="AZ162" s="58"/>
      <c r="BA162" s="58"/>
      <c r="BB162" s="219"/>
      <c r="BC162" s="219"/>
      <c r="BD162" s="219"/>
      <c r="BE162" s="219"/>
      <c r="BF162" s="219"/>
      <c r="BG162" s="219"/>
      <c r="BH162" s="219"/>
      <c r="BI162" s="123"/>
      <c r="BJ162" s="123"/>
      <c r="BK162" s="123"/>
      <c r="BL162" s="463" t="s">
        <v>132</v>
      </c>
      <c r="BM162" s="389"/>
      <c r="BN162" s="390"/>
    </row>
    <row r="163" spans="4:70" ht="23.25" customHeight="1">
      <c r="D163" s="67"/>
      <c r="E163" s="462" t="s">
        <v>390</v>
      </c>
      <c r="F163" s="462"/>
      <c r="G163" s="123" t="s">
        <v>147</v>
      </c>
      <c r="H163" s="123"/>
      <c r="I163" s="219"/>
      <c r="J163" s="219"/>
      <c r="K163" s="219"/>
      <c r="L163" s="219"/>
      <c r="M163" s="219"/>
      <c r="N163" s="219"/>
      <c r="O163" s="219"/>
      <c r="P163" s="219"/>
      <c r="Q163" s="219"/>
      <c r="R163" s="219"/>
      <c r="S163" s="220"/>
      <c r="T163" s="463" t="s">
        <v>18</v>
      </c>
      <c r="U163" s="389"/>
      <c r="V163" s="389"/>
      <c r="W163" s="463" t="s">
        <v>132</v>
      </c>
      <c r="X163" s="389"/>
      <c r="Y163" s="389"/>
      <c r="Z163" s="75"/>
      <c r="AA163" s="123" t="s">
        <v>299</v>
      </c>
      <c r="AB163" s="219"/>
      <c r="AC163" s="219"/>
      <c r="AD163" s="219"/>
      <c r="AE163" s="219"/>
      <c r="AF163" s="219"/>
      <c r="AG163" s="219"/>
      <c r="AH163" s="219"/>
      <c r="AI163" s="123"/>
      <c r="AJ163" s="123"/>
      <c r="AK163" s="123"/>
      <c r="AL163" s="123"/>
      <c r="AM163" s="123"/>
      <c r="AN163" s="123"/>
      <c r="AO163" s="123"/>
      <c r="AP163" s="123"/>
      <c r="AQ163" s="123"/>
      <c r="AR163" s="123"/>
      <c r="AS163" s="123"/>
      <c r="AT163" s="58"/>
      <c r="AU163" s="58"/>
      <c r="AV163" s="58"/>
      <c r="AW163" s="58"/>
      <c r="AX163" s="58"/>
      <c r="AY163" s="58"/>
      <c r="AZ163" s="58"/>
      <c r="BA163" s="58"/>
      <c r="BB163" s="219"/>
      <c r="BC163" s="219"/>
      <c r="BD163" s="219"/>
      <c r="BE163" s="219"/>
      <c r="BF163" s="219"/>
      <c r="BG163" s="219"/>
      <c r="BH163" s="219"/>
      <c r="BI163" s="123"/>
      <c r="BJ163" s="123"/>
      <c r="BK163" s="123"/>
      <c r="BL163" s="389"/>
      <c r="BM163" s="389"/>
      <c r="BN163" s="390"/>
    </row>
    <row r="164" spans="4:70" ht="23.25" customHeight="1">
      <c r="D164" s="67"/>
      <c r="E164" s="462" t="s">
        <v>391</v>
      </c>
      <c r="F164" s="462"/>
      <c r="G164" s="123" t="s">
        <v>148</v>
      </c>
      <c r="H164" s="123"/>
      <c r="I164" s="219"/>
      <c r="J164" s="219"/>
      <c r="K164" s="219"/>
      <c r="L164" s="219"/>
      <c r="M164" s="219"/>
      <c r="N164" s="219"/>
      <c r="O164" s="219"/>
      <c r="P164" s="219"/>
      <c r="Q164" s="219"/>
      <c r="R164" s="219"/>
      <c r="S164" s="220"/>
      <c r="T164" s="218"/>
      <c r="U164" s="38" t="s">
        <v>428</v>
      </c>
      <c r="V164" s="219"/>
      <c r="W164" s="219"/>
      <c r="X164" s="219"/>
      <c r="Y164" s="219"/>
      <c r="Z164" s="219"/>
      <c r="AA164" s="219"/>
      <c r="AB164" s="219"/>
      <c r="AC164" s="219"/>
      <c r="AD164" s="219"/>
      <c r="AE164" s="219"/>
      <c r="AF164" s="219"/>
      <c r="AG164" s="219"/>
      <c r="AH164" s="219"/>
      <c r="AI164" s="123"/>
      <c r="AJ164" s="123"/>
      <c r="AK164" s="123"/>
      <c r="AL164" s="123"/>
      <c r="AM164" s="123"/>
      <c r="AN164" s="123"/>
      <c r="AO164" s="123"/>
      <c r="AP164" s="123"/>
      <c r="AQ164" s="123"/>
      <c r="AR164" s="123"/>
      <c r="AS164" s="123"/>
      <c r="AT164" s="58"/>
      <c r="AU164" s="58"/>
      <c r="AV164" s="58"/>
      <c r="AW164" s="58"/>
      <c r="AX164" s="58"/>
      <c r="AY164" s="58"/>
      <c r="AZ164" s="58"/>
      <c r="BA164" s="58"/>
      <c r="BB164" s="219"/>
      <c r="BC164" s="219"/>
      <c r="BD164" s="219"/>
      <c r="BE164" s="219"/>
      <c r="BF164" s="219"/>
      <c r="BG164" s="219"/>
      <c r="BH164" s="219"/>
      <c r="BI164" s="123"/>
      <c r="BJ164" s="123"/>
      <c r="BK164" s="123"/>
      <c r="BL164" s="463" t="s">
        <v>132</v>
      </c>
      <c r="BM164" s="389"/>
      <c r="BN164" s="390"/>
    </row>
    <row r="165" spans="4:70" ht="23.25" customHeight="1">
      <c r="D165" s="207"/>
      <c r="E165" s="357" t="s">
        <v>392</v>
      </c>
      <c r="F165" s="357"/>
      <c r="G165" s="192" t="s">
        <v>251</v>
      </c>
      <c r="H165" s="192"/>
      <c r="I165" s="178"/>
      <c r="J165" s="178"/>
      <c r="K165" s="178"/>
      <c r="L165" s="178"/>
      <c r="M165" s="178"/>
      <c r="N165" s="178"/>
      <c r="O165" s="178"/>
      <c r="P165" s="178"/>
      <c r="Q165" s="178"/>
      <c r="R165" s="178"/>
      <c r="S165" s="213"/>
      <c r="T165" s="218"/>
      <c r="U165" s="38" t="s">
        <v>149</v>
      </c>
      <c r="V165" s="219"/>
      <c r="W165" s="219"/>
      <c r="X165" s="219"/>
      <c r="Y165" s="219"/>
      <c r="Z165" s="219"/>
      <c r="AA165" s="219"/>
      <c r="AB165" s="219"/>
      <c r="AC165" s="219"/>
      <c r="AD165" s="219"/>
      <c r="AE165" s="219"/>
      <c r="AF165" s="219"/>
      <c r="AG165" s="219"/>
      <c r="AH165" s="219"/>
      <c r="AI165" s="123"/>
      <c r="AJ165" s="123"/>
      <c r="AK165" s="123"/>
      <c r="AL165" s="123"/>
      <c r="AM165" s="123"/>
      <c r="AN165" s="123"/>
      <c r="AO165" s="123"/>
      <c r="AP165" s="123"/>
      <c r="AQ165" s="123"/>
      <c r="AR165" s="123"/>
      <c r="AS165" s="123"/>
      <c r="AT165" s="58"/>
      <c r="AU165" s="58"/>
      <c r="AV165" s="58"/>
      <c r="AW165" s="58"/>
      <c r="AX165" s="58"/>
      <c r="AY165" s="58"/>
      <c r="AZ165" s="58"/>
      <c r="BA165" s="58"/>
      <c r="BB165" s="219"/>
      <c r="BC165" s="219"/>
      <c r="BD165" s="219"/>
      <c r="BE165" s="219"/>
      <c r="BF165" s="219"/>
      <c r="BG165" s="219"/>
      <c r="BH165" s="68"/>
      <c r="BI165" s="389" t="s">
        <v>136</v>
      </c>
      <c r="BJ165" s="389"/>
      <c r="BK165" s="389"/>
      <c r="BL165" s="389"/>
      <c r="BM165" s="389"/>
      <c r="BN165" s="390"/>
    </row>
    <row r="166" spans="4:70" ht="19.5" customHeight="1">
      <c r="D166" s="207"/>
      <c r="E166" s="357" t="s">
        <v>393</v>
      </c>
      <c r="F166" s="357"/>
      <c r="G166" s="192" t="s">
        <v>150</v>
      </c>
      <c r="H166" s="178"/>
      <c r="I166" s="178"/>
      <c r="J166" s="178"/>
      <c r="K166" s="178"/>
      <c r="L166" s="178"/>
      <c r="M166" s="178"/>
      <c r="N166" s="178"/>
      <c r="O166" s="178"/>
      <c r="P166" s="178"/>
      <c r="Q166" s="178"/>
      <c r="R166" s="178"/>
      <c r="S166" s="213"/>
      <c r="T166" s="178"/>
      <c r="U166" s="249" t="s">
        <v>154</v>
      </c>
      <c r="V166" s="178"/>
      <c r="W166" s="178"/>
      <c r="X166" s="178"/>
      <c r="Y166" s="178"/>
      <c r="Z166" s="178"/>
      <c r="AA166" s="178"/>
      <c r="AB166" s="178"/>
      <c r="AC166" s="178"/>
      <c r="AD166" s="178"/>
      <c r="AE166" s="192" t="s">
        <v>155</v>
      </c>
      <c r="AF166" s="178"/>
      <c r="AG166" s="192"/>
      <c r="AH166" s="192"/>
      <c r="AI166" s="192"/>
      <c r="AJ166" s="192"/>
      <c r="AK166" s="192"/>
      <c r="AL166" s="192"/>
      <c r="AM166" s="192"/>
      <c r="AN166" s="192"/>
      <c r="AO166" s="192"/>
      <c r="AP166" s="192"/>
      <c r="AQ166" s="198"/>
      <c r="AR166" s="198"/>
      <c r="AS166" s="198"/>
      <c r="AT166" s="198"/>
      <c r="AU166" s="198"/>
      <c r="AV166" s="198"/>
      <c r="AW166" s="198"/>
      <c r="AX166" s="178"/>
      <c r="AY166" s="178"/>
      <c r="AZ166" s="178"/>
      <c r="BA166" s="178"/>
      <c r="BB166" s="178"/>
      <c r="BC166" s="178"/>
      <c r="BD166" s="178"/>
      <c r="BE166" s="192"/>
      <c r="BF166" s="192"/>
      <c r="BG166" s="192"/>
      <c r="BH166" s="371" t="s">
        <v>137</v>
      </c>
      <c r="BI166" s="277"/>
      <c r="BJ166" s="464"/>
      <c r="BK166" s="277" t="s">
        <v>138</v>
      </c>
      <c r="BL166" s="277"/>
      <c r="BM166" s="277"/>
      <c r="BN166" s="372"/>
    </row>
    <row r="167" spans="4:70" ht="19.5" customHeight="1">
      <c r="D167" s="208"/>
      <c r="E167" s="209"/>
      <c r="F167" s="209"/>
      <c r="G167" s="209"/>
      <c r="H167" s="188"/>
      <c r="I167" s="188"/>
      <c r="J167" s="188"/>
      <c r="K167" s="188"/>
      <c r="L167" s="188"/>
      <c r="M167" s="188"/>
      <c r="N167" s="188"/>
      <c r="O167" s="188"/>
      <c r="P167" s="188"/>
      <c r="Q167" s="188"/>
      <c r="R167" s="188"/>
      <c r="S167" s="233"/>
      <c r="T167" s="188"/>
      <c r="U167" s="250" t="s">
        <v>152</v>
      </c>
      <c r="V167" s="188"/>
      <c r="W167" s="188"/>
      <c r="X167" s="188"/>
      <c r="Y167" s="188"/>
      <c r="Z167" s="188"/>
      <c r="AA167" s="188"/>
      <c r="AB167" s="188"/>
      <c r="AC167" s="188"/>
      <c r="AD167" s="188"/>
      <c r="AE167" s="239" t="s">
        <v>153</v>
      </c>
      <c r="AF167" s="188"/>
      <c r="AG167" s="239"/>
      <c r="AH167" s="239"/>
      <c r="AI167" s="239"/>
      <c r="AJ167" s="239"/>
      <c r="AK167" s="239"/>
      <c r="AL167" s="239"/>
      <c r="AM167" s="239"/>
      <c r="AN167" s="239"/>
      <c r="AO167" s="239"/>
      <c r="AP167" s="239"/>
      <c r="AQ167" s="235"/>
      <c r="AR167" s="235"/>
      <c r="AS167" s="235"/>
      <c r="AT167" s="235"/>
      <c r="AU167" s="235"/>
      <c r="AV167" s="235"/>
      <c r="AW167" s="235"/>
      <c r="AX167" s="188"/>
      <c r="AY167" s="188"/>
      <c r="AZ167" s="188"/>
      <c r="BA167" s="188"/>
      <c r="BB167" s="188"/>
      <c r="BC167" s="188"/>
      <c r="BD167" s="188"/>
      <c r="BE167" s="239"/>
      <c r="BF167" s="239"/>
      <c r="BG167" s="239"/>
      <c r="BH167" s="448" t="s">
        <v>137</v>
      </c>
      <c r="BI167" s="308"/>
      <c r="BJ167" s="466"/>
      <c r="BK167" s="308" t="s">
        <v>138</v>
      </c>
      <c r="BL167" s="308"/>
      <c r="BM167" s="308"/>
      <c r="BN167" s="447"/>
    </row>
    <row r="168" spans="4:70" ht="19.5" customHeight="1">
      <c r="D168" s="208"/>
      <c r="E168" s="209"/>
      <c r="F168" s="209"/>
      <c r="G168" s="209"/>
      <c r="H168" s="188"/>
      <c r="I168" s="188"/>
      <c r="J168" s="188"/>
      <c r="K168" s="188"/>
      <c r="L168" s="188"/>
      <c r="M168" s="188"/>
      <c r="N168" s="188"/>
      <c r="O168" s="188"/>
      <c r="P168" s="188"/>
      <c r="Q168" s="188"/>
      <c r="R168" s="188"/>
      <c r="S168" s="233"/>
      <c r="T168" s="188"/>
      <c r="U168" s="250" t="s">
        <v>151</v>
      </c>
      <c r="V168" s="188"/>
      <c r="W168" s="188"/>
      <c r="X168" s="188"/>
      <c r="Y168" s="188"/>
      <c r="Z168" s="188"/>
      <c r="AA168" s="188"/>
      <c r="AB168" s="188"/>
      <c r="AC168" s="347" t="s">
        <v>475</v>
      </c>
      <c r="AD168" s="347"/>
      <c r="AE168" s="347"/>
      <c r="AF168" s="347"/>
      <c r="AG168" s="347"/>
      <c r="AH168" s="347"/>
      <c r="AI168" s="347"/>
      <c r="AJ168" s="347"/>
      <c r="AK168" s="347"/>
      <c r="AL168" s="347"/>
      <c r="AM168" s="347"/>
      <c r="AN168" s="347"/>
      <c r="AO168" s="347"/>
      <c r="AP168" s="347"/>
      <c r="AQ168" s="347"/>
      <c r="AR168" s="347"/>
      <c r="AS168" s="347"/>
      <c r="AT168" s="347"/>
      <c r="AU168" s="347"/>
      <c r="AV168" s="347"/>
      <c r="AW168" s="347"/>
      <c r="AX168" s="347"/>
      <c r="AY168" s="347"/>
      <c r="AZ168" s="347"/>
      <c r="BA168" s="347"/>
      <c r="BB168" s="347"/>
      <c r="BC168" s="347"/>
      <c r="BD168" s="347"/>
      <c r="BE168" s="347"/>
      <c r="BF168" s="347"/>
      <c r="BG168" s="239"/>
      <c r="BH168" s="448" t="s">
        <v>137</v>
      </c>
      <c r="BI168" s="308"/>
      <c r="BJ168" s="466"/>
      <c r="BK168" s="308" t="s">
        <v>138</v>
      </c>
      <c r="BL168" s="308"/>
      <c r="BM168" s="308"/>
      <c r="BN168" s="447"/>
    </row>
    <row r="169" spans="4:70" ht="19.5" customHeight="1">
      <c r="D169" s="208"/>
      <c r="E169" s="209"/>
      <c r="F169" s="209"/>
      <c r="G169" s="209"/>
      <c r="H169" s="188"/>
      <c r="I169" s="188"/>
      <c r="J169" s="188"/>
      <c r="K169" s="188"/>
      <c r="L169" s="188"/>
      <c r="M169" s="188"/>
      <c r="N169" s="188"/>
      <c r="O169" s="188"/>
      <c r="P169" s="188"/>
      <c r="Q169" s="188"/>
      <c r="R169" s="188"/>
      <c r="S169" s="233"/>
      <c r="T169" s="188"/>
      <c r="V169" s="188"/>
      <c r="W169" s="188"/>
      <c r="X169" s="188"/>
      <c r="Y169" s="188"/>
      <c r="Z169" s="188"/>
      <c r="AA169" s="188"/>
      <c r="AB169" s="188"/>
      <c r="AC169" s="347"/>
      <c r="AD169" s="347"/>
      <c r="AE169" s="347"/>
      <c r="AF169" s="347"/>
      <c r="AG169" s="347"/>
      <c r="AH169" s="347"/>
      <c r="AI169" s="347"/>
      <c r="AJ169" s="347"/>
      <c r="AK169" s="347"/>
      <c r="AL169" s="347"/>
      <c r="AM169" s="347"/>
      <c r="AN169" s="347"/>
      <c r="AO169" s="347"/>
      <c r="AP169" s="347"/>
      <c r="AQ169" s="347"/>
      <c r="AR169" s="347"/>
      <c r="AS169" s="347"/>
      <c r="AT169" s="347"/>
      <c r="AU169" s="347"/>
      <c r="AV169" s="347"/>
      <c r="AW169" s="347"/>
      <c r="AX169" s="347"/>
      <c r="AY169" s="347"/>
      <c r="AZ169" s="347"/>
      <c r="BA169" s="347"/>
      <c r="BB169" s="347"/>
      <c r="BC169" s="347"/>
      <c r="BD169" s="347"/>
      <c r="BE169" s="347"/>
      <c r="BF169" s="347"/>
      <c r="BG169" s="239"/>
      <c r="BH169" s="69"/>
      <c r="BI169" s="235"/>
      <c r="BJ169" s="235"/>
      <c r="BK169" s="465"/>
      <c r="BL169" s="308"/>
      <c r="BM169" s="308"/>
      <c r="BN169" s="447"/>
    </row>
    <row r="170" spans="4:70" ht="19.5" customHeight="1">
      <c r="D170" s="208"/>
      <c r="E170" s="209"/>
      <c r="F170" s="209"/>
      <c r="G170" s="209"/>
      <c r="H170" s="188"/>
      <c r="I170" s="188"/>
      <c r="J170" s="188"/>
      <c r="K170" s="188"/>
      <c r="L170" s="188"/>
      <c r="M170" s="188"/>
      <c r="N170" s="188"/>
      <c r="O170" s="188"/>
      <c r="P170" s="188"/>
      <c r="Q170" s="188"/>
      <c r="R170" s="188"/>
      <c r="S170" s="233"/>
      <c r="T170" s="188"/>
      <c r="V170" s="188"/>
      <c r="W170" s="188"/>
      <c r="X170" s="188"/>
      <c r="Y170" s="188"/>
      <c r="Z170" s="188"/>
      <c r="AA170" s="188"/>
      <c r="AB170" s="188"/>
      <c r="AC170" s="371" t="s">
        <v>443</v>
      </c>
      <c r="AD170" s="277"/>
      <c r="AE170" s="277"/>
      <c r="AF170" s="277"/>
      <c r="AG170" s="277"/>
      <c r="AH170" s="372"/>
      <c r="AI170" s="191"/>
      <c r="AJ170" s="277" t="s">
        <v>8</v>
      </c>
      <c r="AK170" s="277"/>
      <c r="AL170" s="192" t="s">
        <v>156</v>
      </c>
      <c r="AM170" s="192"/>
      <c r="AN170" s="192"/>
      <c r="AO170" s="192"/>
      <c r="AP170" s="192"/>
      <c r="AQ170" s="192"/>
      <c r="AR170" s="192"/>
      <c r="AS170" s="198"/>
      <c r="AT170" s="198"/>
      <c r="AU170" s="198"/>
      <c r="AV170" s="198"/>
      <c r="AW170" s="198"/>
      <c r="AX170" s="198"/>
      <c r="AY170" s="198"/>
      <c r="AZ170" s="178"/>
      <c r="BA170" s="178"/>
      <c r="BB170" s="178"/>
      <c r="BC170" s="178"/>
      <c r="BD170" s="178"/>
      <c r="BE170" s="213"/>
      <c r="BF170" s="188"/>
      <c r="BG170" s="239"/>
      <c r="BH170" s="262"/>
      <c r="BI170" s="239"/>
      <c r="BJ170" s="235"/>
      <c r="BK170" s="465"/>
      <c r="BL170" s="308"/>
      <c r="BM170" s="308"/>
      <c r="BN170" s="447"/>
      <c r="BO170" s="188"/>
      <c r="BP170" s="188"/>
    </row>
    <row r="171" spans="4:70" ht="19.5" customHeight="1">
      <c r="D171" s="208"/>
      <c r="E171" s="209"/>
      <c r="F171" s="209"/>
      <c r="G171" s="209"/>
      <c r="H171" s="188"/>
      <c r="I171" s="188"/>
      <c r="J171" s="188"/>
      <c r="K171" s="188"/>
      <c r="L171" s="188"/>
      <c r="M171" s="188"/>
      <c r="N171" s="188"/>
      <c r="O171" s="188"/>
      <c r="P171" s="188"/>
      <c r="Q171" s="188"/>
      <c r="R171" s="188"/>
      <c r="S171" s="233"/>
      <c r="T171" s="188"/>
      <c r="V171" s="188"/>
      <c r="W171" s="188"/>
      <c r="X171" s="188"/>
      <c r="Y171" s="188"/>
      <c r="Z171" s="188"/>
      <c r="AA171" s="188"/>
      <c r="AB171" s="188"/>
      <c r="AC171" s="234"/>
      <c r="AD171" s="188"/>
      <c r="AE171" s="188"/>
      <c r="AF171" s="188"/>
      <c r="AG171" s="239"/>
      <c r="AH171" s="240"/>
      <c r="AI171" s="80"/>
      <c r="AJ171" s="275" t="s">
        <v>9</v>
      </c>
      <c r="AK171" s="275"/>
      <c r="AL171" s="196" t="s">
        <v>159</v>
      </c>
      <c r="AM171" s="196"/>
      <c r="AN171" s="196"/>
      <c r="AO171" s="196"/>
      <c r="AP171" s="196"/>
      <c r="AQ171" s="196"/>
      <c r="AR171" s="196"/>
      <c r="AS171" s="197"/>
      <c r="AT171" s="197"/>
      <c r="AU171" s="197"/>
      <c r="AV171" s="197"/>
      <c r="AW171" s="197"/>
      <c r="AX171" s="197"/>
      <c r="AY171" s="197"/>
      <c r="AZ171" s="176"/>
      <c r="BA171" s="176"/>
      <c r="BB171" s="176"/>
      <c r="BC171" s="176"/>
      <c r="BD171" s="176"/>
      <c r="BE171" s="214"/>
      <c r="BF171" s="188"/>
      <c r="BG171" s="239"/>
      <c r="BH171" s="262"/>
      <c r="BI171" s="239"/>
      <c r="BJ171" s="235"/>
      <c r="BK171" s="465"/>
      <c r="BL171" s="308"/>
      <c r="BM171" s="308"/>
      <c r="BN171" s="447"/>
      <c r="BO171" s="188"/>
      <c r="BP171" s="188"/>
    </row>
    <row r="172" spans="4:70" ht="19.5" customHeight="1">
      <c r="D172" s="208"/>
      <c r="E172" s="209"/>
      <c r="F172" s="209"/>
      <c r="G172" s="209"/>
      <c r="H172" s="188"/>
      <c r="I172" s="188"/>
      <c r="J172" s="188"/>
      <c r="K172" s="188"/>
      <c r="L172" s="188"/>
      <c r="M172" s="188"/>
      <c r="N172" s="188"/>
      <c r="O172" s="188"/>
      <c r="P172" s="188"/>
      <c r="Q172" s="188"/>
      <c r="R172" s="188"/>
      <c r="S172" s="233"/>
      <c r="T172" s="188"/>
      <c r="V172" s="188"/>
      <c r="W172" s="188"/>
      <c r="X172" s="188"/>
      <c r="Y172" s="188"/>
      <c r="Z172" s="188"/>
      <c r="AA172" s="188"/>
      <c r="AB172" s="188"/>
      <c r="AC172" s="371" t="s">
        <v>444</v>
      </c>
      <c r="AD172" s="277"/>
      <c r="AE172" s="277"/>
      <c r="AF172" s="277"/>
      <c r="AG172" s="277"/>
      <c r="AH172" s="372"/>
      <c r="AI172" s="192"/>
      <c r="AJ172" s="277" t="s">
        <v>8</v>
      </c>
      <c r="AK172" s="277"/>
      <c r="AL172" s="192" t="s">
        <v>160</v>
      </c>
      <c r="AM172" s="192"/>
      <c r="AN172" s="192"/>
      <c r="AO172" s="192"/>
      <c r="AP172" s="192"/>
      <c r="AQ172" s="192"/>
      <c r="AR172" s="192"/>
      <c r="AS172" s="198"/>
      <c r="AT172" s="198"/>
      <c r="AU172" s="198"/>
      <c r="AV172" s="198"/>
      <c r="AW172" s="198"/>
      <c r="AX172" s="198"/>
      <c r="AY172" s="198"/>
      <c r="AZ172" s="178"/>
      <c r="BA172" s="178"/>
      <c r="BB172" s="178"/>
      <c r="BC172" s="178"/>
      <c r="BD172" s="178"/>
      <c r="BE172" s="213"/>
      <c r="BF172" s="188"/>
      <c r="BG172" s="239"/>
      <c r="BH172" s="262"/>
      <c r="BI172" s="239"/>
      <c r="BJ172" s="235"/>
      <c r="BK172" s="465"/>
      <c r="BL172" s="308"/>
      <c r="BM172" s="308"/>
      <c r="BN172" s="447"/>
      <c r="BO172" s="188"/>
      <c r="BP172" s="188"/>
    </row>
    <row r="173" spans="4:70" ht="19.5" customHeight="1">
      <c r="D173" s="208"/>
      <c r="E173" s="209"/>
      <c r="F173" s="209"/>
      <c r="G173" s="209"/>
      <c r="H173" s="188"/>
      <c r="I173" s="188"/>
      <c r="J173" s="188"/>
      <c r="K173" s="188"/>
      <c r="L173" s="188"/>
      <c r="M173" s="188"/>
      <c r="N173" s="188"/>
      <c r="O173" s="188"/>
      <c r="P173" s="188"/>
      <c r="Q173" s="188"/>
      <c r="R173" s="188"/>
      <c r="S173" s="233"/>
      <c r="T173" s="188"/>
      <c r="V173" s="188"/>
      <c r="W173" s="188"/>
      <c r="X173" s="188"/>
      <c r="Y173" s="188"/>
      <c r="Z173" s="188"/>
      <c r="AA173" s="188"/>
      <c r="AB173" s="188"/>
      <c r="AC173" s="234"/>
      <c r="AD173" s="188"/>
      <c r="AE173" s="188"/>
      <c r="AF173" s="188"/>
      <c r="AG173" s="239"/>
      <c r="AH173" s="240"/>
      <c r="AI173" s="239"/>
      <c r="AJ173" s="308" t="s">
        <v>9</v>
      </c>
      <c r="AK173" s="308"/>
      <c r="AL173" s="239" t="s">
        <v>161</v>
      </c>
      <c r="AM173" s="239"/>
      <c r="AN173" s="239"/>
      <c r="AO173" s="239"/>
      <c r="AP173" s="239"/>
      <c r="AQ173" s="239"/>
      <c r="AR173" s="239"/>
      <c r="AS173" s="235"/>
      <c r="AT173" s="235"/>
      <c r="AU173" s="235"/>
      <c r="AV173" s="235"/>
      <c r="AW173" s="235"/>
      <c r="AX173" s="235"/>
      <c r="AY173" s="235"/>
      <c r="AZ173" s="188"/>
      <c r="BA173" s="188"/>
      <c r="BB173" s="188"/>
      <c r="BC173" s="188"/>
      <c r="BD173" s="188"/>
      <c r="BE173" s="233"/>
      <c r="BF173" s="188"/>
      <c r="BG173" s="239"/>
      <c r="BH173" s="262"/>
      <c r="BI173" s="239"/>
      <c r="BJ173" s="235"/>
      <c r="BK173" s="465"/>
      <c r="BL173" s="308"/>
      <c r="BM173" s="308"/>
      <c r="BN173" s="447"/>
      <c r="BO173" s="188"/>
      <c r="BP173" s="188"/>
    </row>
    <row r="174" spans="4:70" ht="19.5" customHeight="1">
      <c r="D174" s="208"/>
      <c r="E174" s="209"/>
      <c r="F174" s="209"/>
      <c r="G174" s="209"/>
      <c r="H174" s="188"/>
      <c r="I174" s="188"/>
      <c r="J174" s="188"/>
      <c r="K174" s="188"/>
      <c r="L174" s="188"/>
      <c r="M174" s="188"/>
      <c r="N174" s="188"/>
      <c r="O174" s="188"/>
      <c r="P174" s="188"/>
      <c r="Q174" s="188"/>
      <c r="R174" s="188"/>
      <c r="S174" s="233"/>
      <c r="T174" s="188"/>
      <c r="V174" s="188"/>
      <c r="W174" s="188"/>
      <c r="X174" s="188"/>
      <c r="Y174" s="188"/>
      <c r="Z174" s="188"/>
      <c r="AA174" s="188"/>
      <c r="AB174" s="188"/>
      <c r="AC174" s="234"/>
      <c r="AD174" s="188"/>
      <c r="AE174" s="188"/>
      <c r="AF174" s="188"/>
      <c r="AG174" s="239"/>
      <c r="AH174" s="240"/>
      <c r="AI174" s="239"/>
      <c r="AJ174" s="308" t="s">
        <v>158</v>
      </c>
      <c r="AK174" s="308"/>
      <c r="AL174" s="239" t="s">
        <v>162</v>
      </c>
      <c r="AM174" s="239"/>
      <c r="AN174" s="239"/>
      <c r="AO174" s="239"/>
      <c r="AP174" s="239"/>
      <c r="AQ174" s="239"/>
      <c r="AR174" s="239"/>
      <c r="AS174" s="235"/>
      <c r="AT174" s="235"/>
      <c r="AU174" s="235"/>
      <c r="AV174" s="235"/>
      <c r="AW174" s="235"/>
      <c r="AX174" s="235"/>
      <c r="AY174" s="235"/>
      <c r="AZ174" s="188"/>
      <c r="BA174" s="188"/>
      <c r="BB174" s="188"/>
      <c r="BC174" s="188"/>
      <c r="BD174" s="188"/>
      <c r="BE174" s="233"/>
      <c r="BF174" s="188"/>
      <c r="BG174" s="239"/>
      <c r="BH174" s="262"/>
      <c r="BI174" s="239"/>
      <c r="BJ174" s="235"/>
      <c r="BK174" s="465"/>
      <c r="BL174" s="308"/>
      <c r="BM174" s="308"/>
      <c r="BN174" s="447"/>
      <c r="BO174" s="188"/>
      <c r="BP174" s="188"/>
    </row>
    <row r="175" spans="4:70" ht="19.5" customHeight="1">
      <c r="D175" s="208"/>
      <c r="E175" s="209"/>
      <c r="F175" s="209"/>
      <c r="G175" s="209"/>
      <c r="H175" s="188"/>
      <c r="I175" s="188"/>
      <c r="J175" s="188"/>
      <c r="K175" s="188"/>
      <c r="L175" s="188"/>
      <c r="M175" s="188"/>
      <c r="N175" s="188"/>
      <c r="O175" s="188"/>
      <c r="P175" s="188"/>
      <c r="Q175" s="188"/>
      <c r="R175" s="188"/>
      <c r="S175" s="233"/>
      <c r="T175" s="188"/>
      <c r="V175" s="188"/>
      <c r="W175" s="188"/>
      <c r="X175" s="188"/>
      <c r="Y175" s="188"/>
      <c r="Z175" s="188"/>
      <c r="AA175" s="188"/>
      <c r="AB175" s="188"/>
      <c r="AC175" s="194"/>
      <c r="AD175" s="176"/>
      <c r="AE175" s="176"/>
      <c r="AF175" s="176"/>
      <c r="AG175" s="196"/>
      <c r="AH175" s="241"/>
      <c r="AI175" s="196"/>
      <c r="AJ175" s="275" t="s">
        <v>163</v>
      </c>
      <c r="AK175" s="275"/>
      <c r="AL175" s="196" t="s">
        <v>159</v>
      </c>
      <c r="AM175" s="196"/>
      <c r="AN175" s="196"/>
      <c r="AO175" s="196"/>
      <c r="AP175" s="196"/>
      <c r="AQ175" s="196"/>
      <c r="AR175" s="196"/>
      <c r="AS175" s="197"/>
      <c r="AT175" s="197"/>
      <c r="AU175" s="197"/>
      <c r="AV175" s="197"/>
      <c r="AW175" s="197"/>
      <c r="AX175" s="197"/>
      <c r="AY175" s="197"/>
      <c r="AZ175" s="176"/>
      <c r="BA175" s="176"/>
      <c r="BB175" s="176"/>
      <c r="BC175" s="176"/>
      <c r="BD175" s="176"/>
      <c r="BE175" s="214"/>
      <c r="BF175" s="188"/>
      <c r="BG175" s="239"/>
      <c r="BH175" s="262"/>
      <c r="BI175" s="239"/>
      <c r="BJ175" s="70"/>
      <c r="BK175" s="308"/>
      <c r="BL175" s="308"/>
      <c r="BM175" s="308"/>
      <c r="BN175" s="447"/>
      <c r="BO175" s="188"/>
      <c r="BP175" s="188"/>
    </row>
    <row r="176" spans="4:70" ht="12.75" customHeight="1">
      <c r="D176" s="210"/>
      <c r="E176" s="211"/>
      <c r="F176" s="211"/>
      <c r="G176" s="211"/>
      <c r="H176" s="176"/>
      <c r="I176" s="176"/>
      <c r="J176" s="176"/>
      <c r="K176" s="176"/>
      <c r="L176" s="176"/>
      <c r="M176" s="176"/>
      <c r="N176" s="176"/>
      <c r="O176" s="176"/>
      <c r="P176" s="176"/>
      <c r="Q176" s="176"/>
      <c r="R176" s="176"/>
      <c r="S176" s="214"/>
      <c r="T176" s="176"/>
      <c r="U176" s="251"/>
      <c r="V176" s="176"/>
      <c r="W176" s="176"/>
      <c r="X176" s="176"/>
      <c r="Y176" s="176"/>
      <c r="Z176" s="176"/>
      <c r="AA176" s="176"/>
      <c r="AB176" s="176"/>
      <c r="AC176" s="176"/>
      <c r="AD176" s="176"/>
      <c r="AE176" s="176"/>
      <c r="AF176" s="176"/>
      <c r="AG176" s="196"/>
      <c r="AH176" s="176"/>
      <c r="AI176" s="176"/>
      <c r="AJ176" s="196"/>
      <c r="AK176" s="196"/>
      <c r="AL176" s="196"/>
      <c r="AM176" s="196"/>
      <c r="AN176" s="196"/>
      <c r="AO176" s="196"/>
      <c r="AP176" s="196"/>
      <c r="AQ176" s="197"/>
      <c r="AR176" s="197"/>
      <c r="AS176" s="197"/>
      <c r="AT176" s="197"/>
      <c r="AU176" s="197"/>
      <c r="AV176" s="197"/>
      <c r="AW176" s="197"/>
      <c r="AX176" s="176"/>
      <c r="AY176" s="176"/>
      <c r="AZ176" s="176"/>
      <c r="BA176" s="176"/>
      <c r="BB176" s="176"/>
      <c r="BC176" s="176"/>
      <c r="BD176" s="176"/>
      <c r="BE176" s="196"/>
      <c r="BF176" s="196"/>
      <c r="BG176" s="196"/>
      <c r="BH176" s="57"/>
      <c r="BI176" s="197"/>
      <c r="BJ176" s="71"/>
      <c r="BK176" s="197"/>
      <c r="BL176" s="251"/>
      <c r="BM176" s="176"/>
      <c r="BN176" s="214"/>
    </row>
    <row r="177" spans="4:66" ht="19.5" customHeight="1">
      <c r="D177" s="207"/>
      <c r="E177" s="357" t="s">
        <v>394</v>
      </c>
      <c r="F177" s="357"/>
      <c r="G177" s="402" t="s">
        <v>164</v>
      </c>
      <c r="H177" s="402"/>
      <c r="I177" s="402"/>
      <c r="J177" s="402"/>
      <c r="K177" s="402"/>
      <c r="L177" s="402"/>
      <c r="M177" s="402"/>
      <c r="N177" s="402"/>
      <c r="O177" s="402"/>
      <c r="P177" s="402"/>
      <c r="Q177" s="402"/>
      <c r="R177" s="402"/>
      <c r="S177" s="403"/>
      <c r="T177" s="178"/>
      <c r="U177" s="249" t="s">
        <v>154</v>
      </c>
      <c r="V177" s="178"/>
      <c r="W177" s="178"/>
      <c r="X177" s="178"/>
      <c r="Y177" s="178"/>
      <c r="Z177" s="178"/>
      <c r="AA177" s="178"/>
      <c r="AB177" s="178"/>
      <c r="AC177" s="178"/>
      <c r="AD177" s="178"/>
      <c r="AE177" s="192" t="s">
        <v>155</v>
      </c>
      <c r="AF177" s="178"/>
      <c r="AG177" s="192"/>
      <c r="AH177" s="192"/>
      <c r="AI177" s="192"/>
      <c r="AJ177" s="192"/>
      <c r="AK177" s="192"/>
      <c r="AL177" s="192"/>
      <c r="AM177" s="192"/>
      <c r="AN177" s="192"/>
      <c r="AO177" s="192"/>
      <c r="AP177" s="192"/>
      <c r="AQ177" s="198"/>
      <c r="AR177" s="198"/>
      <c r="AS177" s="198"/>
      <c r="AT177" s="198"/>
      <c r="AU177" s="198"/>
      <c r="AV177" s="198"/>
      <c r="AW177" s="198"/>
      <c r="AX177" s="178"/>
      <c r="AY177" s="178"/>
      <c r="AZ177" s="178"/>
      <c r="BA177" s="178"/>
      <c r="BB177" s="178"/>
      <c r="BC177" s="178"/>
      <c r="BD177" s="178"/>
      <c r="BE177" s="192"/>
      <c r="BF177" s="192"/>
      <c r="BG177" s="192"/>
      <c r="BH177" s="371" t="s">
        <v>137</v>
      </c>
      <c r="BI177" s="277"/>
      <c r="BJ177" s="464"/>
      <c r="BK177" s="277" t="s">
        <v>138</v>
      </c>
      <c r="BL177" s="277"/>
      <c r="BM177" s="277"/>
      <c r="BN177" s="372"/>
    </row>
    <row r="178" spans="4:66" ht="19.5" customHeight="1">
      <c r="D178" s="208"/>
      <c r="E178" s="360"/>
      <c r="F178" s="360"/>
      <c r="G178" s="347"/>
      <c r="H178" s="347"/>
      <c r="I178" s="347"/>
      <c r="J178" s="347"/>
      <c r="K178" s="347"/>
      <c r="L178" s="347"/>
      <c r="M178" s="347"/>
      <c r="N178" s="347"/>
      <c r="O178" s="347"/>
      <c r="P178" s="347"/>
      <c r="Q178" s="347"/>
      <c r="R178" s="347"/>
      <c r="S178" s="421"/>
      <c r="T178" s="188"/>
      <c r="U178" s="250" t="s">
        <v>152</v>
      </c>
      <c r="V178" s="188"/>
      <c r="W178" s="188"/>
      <c r="X178" s="188"/>
      <c r="Y178" s="188"/>
      <c r="Z178" s="188"/>
      <c r="AA178" s="188"/>
      <c r="AB178" s="188"/>
      <c r="AC178" s="188"/>
      <c r="AD178" s="188"/>
      <c r="AE178" s="239" t="s">
        <v>153</v>
      </c>
      <c r="AF178" s="188"/>
      <c r="AG178" s="239"/>
      <c r="AH178" s="239"/>
      <c r="AI178" s="239"/>
      <c r="AJ178" s="239"/>
      <c r="AK178" s="239"/>
      <c r="AL178" s="239"/>
      <c r="AM178" s="239"/>
      <c r="AN178" s="239"/>
      <c r="AO178" s="239"/>
      <c r="AP178" s="239"/>
      <c r="AQ178" s="235"/>
      <c r="AR178" s="235"/>
      <c r="AS178" s="235"/>
      <c r="AT178" s="235"/>
      <c r="AU178" s="235"/>
      <c r="AV178" s="235"/>
      <c r="AW178" s="235"/>
      <c r="AX178" s="188"/>
      <c r="AY178" s="188"/>
      <c r="AZ178" s="188"/>
      <c r="BA178" s="188"/>
      <c r="BB178" s="188"/>
      <c r="BC178" s="188"/>
      <c r="BD178" s="188"/>
      <c r="BE178" s="239"/>
      <c r="BF178" s="239"/>
      <c r="BG178" s="239"/>
      <c r="BH178" s="448" t="s">
        <v>137</v>
      </c>
      <c r="BI178" s="308"/>
      <c r="BJ178" s="466"/>
      <c r="BK178" s="308" t="s">
        <v>138</v>
      </c>
      <c r="BL178" s="308"/>
      <c r="BM178" s="308"/>
      <c r="BN178" s="447"/>
    </row>
    <row r="179" spans="4:66" ht="19.5" customHeight="1">
      <c r="D179" s="208"/>
      <c r="E179" s="209"/>
      <c r="F179" s="209"/>
      <c r="G179" s="209"/>
      <c r="H179" s="188"/>
      <c r="I179" s="188"/>
      <c r="J179" s="188"/>
      <c r="K179" s="188"/>
      <c r="L179" s="188"/>
      <c r="M179" s="188"/>
      <c r="N179" s="188"/>
      <c r="O179" s="188"/>
      <c r="P179" s="188"/>
      <c r="Q179" s="188"/>
      <c r="R179" s="188"/>
      <c r="S179" s="233"/>
      <c r="T179" s="188"/>
      <c r="U179" s="250" t="s">
        <v>151</v>
      </c>
      <c r="V179" s="188"/>
      <c r="W179" s="188"/>
      <c r="X179" s="188"/>
      <c r="Y179" s="188"/>
      <c r="Z179" s="188"/>
      <c r="AA179" s="188"/>
      <c r="AB179" s="188"/>
      <c r="AC179" s="347" t="s">
        <v>476</v>
      </c>
      <c r="AD179" s="347"/>
      <c r="AE179" s="347"/>
      <c r="AF179" s="347"/>
      <c r="AG179" s="347"/>
      <c r="AH179" s="347"/>
      <c r="AI179" s="347"/>
      <c r="AJ179" s="347"/>
      <c r="AK179" s="347"/>
      <c r="AL179" s="347"/>
      <c r="AM179" s="347"/>
      <c r="AN179" s="347"/>
      <c r="AO179" s="347"/>
      <c r="AP179" s="347"/>
      <c r="AQ179" s="347"/>
      <c r="AR179" s="347"/>
      <c r="AS179" s="347"/>
      <c r="AT179" s="347"/>
      <c r="AU179" s="347"/>
      <c r="AV179" s="347"/>
      <c r="AW179" s="347"/>
      <c r="AX179" s="347"/>
      <c r="AY179" s="347"/>
      <c r="AZ179" s="347"/>
      <c r="BA179" s="347"/>
      <c r="BB179" s="347"/>
      <c r="BC179" s="347"/>
      <c r="BD179" s="347"/>
      <c r="BE179" s="347"/>
      <c r="BF179" s="347"/>
      <c r="BG179" s="239"/>
      <c r="BH179" s="448" t="s">
        <v>137</v>
      </c>
      <c r="BI179" s="308"/>
      <c r="BJ179" s="466"/>
      <c r="BK179" s="308" t="s">
        <v>138</v>
      </c>
      <c r="BL179" s="308"/>
      <c r="BM179" s="308"/>
      <c r="BN179" s="447"/>
    </row>
    <row r="180" spans="4:66" ht="19.5" customHeight="1">
      <c r="D180" s="208"/>
      <c r="E180" s="209"/>
      <c r="F180" s="209"/>
      <c r="G180" s="209"/>
      <c r="H180" s="188"/>
      <c r="I180" s="188"/>
      <c r="J180" s="188"/>
      <c r="K180" s="188"/>
      <c r="L180" s="188"/>
      <c r="M180" s="188"/>
      <c r="N180" s="188"/>
      <c r="O180" s="188"/>
      <c r="P180" s="188"/>
      <c r="Q180" s="188"/>
      <c r="R180" s="188"/>
      <c r="S180" s="233"/>
      <c r="T180" s="188"/>
      <c r="V180" s="188"/>
      <c r="W180" s="188"/>
      <c r="X180" s="188"/>
      <c r="Y180" s="188"/>
      <c r="Z180" s="188"/>
      <c r="AA180" s="188"/>
      <c r="AB180" s="188"/>
      <c r="AC180" s="347"/>
      <c r="AD180" s="347"/>
      <c r="AE180" s="347"/>
      <c r="AF180" s="347"/>
      <c r="AG180" s="347"/>
      <c r="AH180" s="347"/>
      <c r="AI180" s="347"/>
      <c r="AJ180" s="347"/>
      <c r="AK180" s="347"/>
      <c r="AL180" s="347"/>
      <c r="AM180" s="347"/>
      <c r="AN180" s="347"/>
      <c r="AO180" s="347"/>
      <c r="AP180" s="347"/>
      <c r="AQ180" s="347"/>
      <c r="AR180" s="347"/>
      <c r="AS180" s="347"/>
      <c r="AT180" s="347"/>
      <c r="AU180" s="347"/>
      <c r="AV180" s="347"/>
      <c r="AW180" s="347"/>
      <c r="AX180" s="347"/>
      <c r="AY180" s="347"/>
      <c r="AZ180" s="347"/>
      <c r="BA180" s="347"/>
      <c r="BB180" s="347"/>
      <c r="BC180" s="347"/>
      <c r="BD180" s="347"/>
      <c r="BE180" s="347"/>
      <c r="BF180" s="347"/>
      <c r="BG180" s="239"/>
      <c r="BH180" s="69"/>
      <c r="BI180" s="235"/>
      <c r="BJ180" s="235"/>
      <c r="BK180" s="465"/>
      <c r="BL180" s="308"/>
      <c r="BM180" s="308"/>
      <c r="BN180" s="447"/>
    </row>
    <row r="181" spans="4:66" ht="30" customHeight="1">
      <c r="D181" s="208"/>
      <c r="E181" s="209"/>
      <c r="F181" s="209"/>
      <c r="G181" s="209"/>
      <c r="H181" s="188"/>
      <c r="I181" s="188"/>
      <c r="J181" s="188"/>
      <c r="K181" s="188"/>
      <c r="L181" s="188"/>
      <c r="M181" s="188"/>
      <c r="N181" s="188"/>
      <c r="O181" s="188"/>
      <c r="P181" s="188"/>
      <c r="Q181" s="188"/>
      <c r="R181" s="188"/>
      <c r="S181" s="233"/>
      <c r="T181" s="188"/>
      <c r="V181" s="188"/>
      <c r="W181" s="188"/>
      <c r="X181" s="188"/>
      <c r="Y181" s="188"/>
      <c r="Z181" s="188"/>
      <c r="AA181" s="188"/>
      <c r="AB181" s="188"/>
      <c r="AC181" s="439" t="s">
        <v>445</v>
      </c>
      <c r="AD181" s="604"/>
      <c r="AE181" s="604"/>
      <c r="AF181" s="604"/>
      <c r="AG181" s="604"/>
      <c r="AH181" s="604"/>
      <c r="AI181" s="604"/>
      <c r="AJ181" s="604"/>
      <c r="AK181" s="604"/>
      <c r="AL181" s="604"/>
      <c r="AM181" s="604"/>
      <c r="AN181" s="604"/>
      <c r="AO181" s="604"/>
      <c r="AP181" s="604"/>
      <c r="AQ181" s="604"/>
      <c r="AR181" s="604"/>
      <c r="AS181" s="604"/>
      <c r="AT181" s="604"/>
      <c r="AU181" s="604"/>
      <c r="AV181" s="604"/>
      <c r="AW181" s="604"/>
      <c r="AX181" s="604"/>
      <c r="AY181" s="604"/>
      <c r="AZ181" s="604"/>
      <c r="BA181" s="604"/>
      <c r="BB181" s="604"/>
      <c r="BC181" s="604"/>
      <c r="BD181" s="604"/>
      <c r="BE181" s="604"/>
      <c r="BF181" s="604"/>
      <c r="BG181" s="583"/>
      <c r="BH181" s="448" t="s">
        <v>137</v>
      </c>
      <c r="BI181" s="308"/>
      <c r="BJ181" s="466"/>
      <c r="BK181" s="308" t="s">
        <v>138</v>
      </c>
      <c r="BL181" s="308"/>
      <c r="BM181" s="308"/>
      <c r="BN181" s="447"/>
    </row>
    <row r="182" spans="4:66" ht="19.5" customHeight="1">
      <c r="D182" s="208"/>
      <c r="E182" s="209"/>
      <c r="F182" s="209"/>
      <c r="G182" s="209"/>
      <c r="H182" s="188"/>
      <c r="I182" s="188"/>
      <c r="J182" s="188"/>
      <c r="K182" s="188"/>
      <c r="L182" s="188"/>
      <c r="M182" s="188"/>
      <c r="N182" s="188"/>
      <c r="O182" s="188"/>
      <c r="P182" s="188"/>
      <c r="Q182" s="188"/>
      <c r="R182" s="188"/>
      <c r="S182" s="233"/>
      <c r="T182" s="188"/>
      <c r="V182" s="188"/>
      <c r="W182" s="188"/>
      <c r="X182" s="188"/>
      <c r="Y182" s="188"/>
      <c r="Z182" s="188"/>
      <c r="AA182" s="188"/>
      <c r="AB182" s="188"/>
      <c r="AC182" s="371" t="s">
        <v>443</v>
      </c>
      <c r="AD182" s="277"/>
      <c r="AE182" s="277"/>
      <c r="AF182" s="277"/>
      <c r="AG182" s="277"/>
      <c r="AH182" s="372"/>
      <c r="AI182" s="191"/>
      <c r="AJ182" s="277" t="s">
        <v>8</v>
      </c>
      <c r="AK182" s="277"/>
      <c r="AL182" s="192" t="s">
        <v>165</v>
      </c>
      <c r="AM182" s="192"/>
      <c r="AN182" s="192"/>
      <c r="AO182" s="192"/>
      <c r="AP182" s="192"/>
      <c r="AQ182" s="192"/>
      <c r="AR182" s="192"/>
      <c r="AS182" s="198"/>
      <c r="AT182" s="198"/>
      <c r="AU182" s="198"/>
      <c r="AV182" s="198"/>
      <c r="AW182" s="198"/>
      <c r="AX182" s="198"/>
      <c r="AY182" s="198"/>
      <c r="AZ182" s="178"/>
      <c r="BA182" s="178"/>
      <c r="BB182" s="178"/>
      <c r="BC182" s="178"/>
      <c r="BD182" s="178"/>
      <c r="BE182" s="213"/>
      <c r="BF182" s="188"/>
      <c r="BG182" s="239"/>
      <c r="BH182" s="262"/>
      <c r="BI182" s="239"/>
      <c r="BJ182" s="235"/>
      <c r="BK182" s="465"/>
      <c r="BL182" s="308"/>
      <c r="BM182" s="308"/>
      <c r="BN182" s="447"/>
    </row>
    <row r="183" spans="4:66" ht="19.5" customHeight="1">
      <c r="D183" s="208"/>
      <c r="E183" s="209"/>
      <c r="F183" s="209"/>
      <c r="G183" s="209"/>
      <c r="H183" s="188"/>
      <c r="I183" s="188"/>
      <c r="J183" s="188"/>
      <c r="K183" s="188"/>
      <c r="L183" s="188"/>
      <c r="M183" s="188"/>
      <c r="N183" s="188"/>
      <c r="O183" s="188"/>
      <c r="P183" s="188"/>
      <c r="Q183" s="188"/>
      <c r="R183" s="188"/>
      <c r="S183" s="233"/>
      <c r="T183" s="188"/>
      <c r="V183" s="188"/>
      <c r="W183" s="188"/>
      <c r="X183" s="188"/>
      <c r="Y183" s="188"/>
      <c r="Z183" s="188"/>
      <c r="AA183" s="188"/>
      <c r="AB183" s="188"/>
      <c r="AC183" s="234"/>
      <c r="AD183" s="188"/>
      <c r="AE183" s="188"/>
      <c r="AF183" s="188"/>
      <c r="AG183" s="239"/>
      <c r="AH183" s="240"/>
      <c r="AI183" s="80"/>
      <c r="AJ183" s="275" t="s">
        <v>9</v>
      </c>
      <c r="AK183" s="275"/>
      <c r="AL183" s="196" t="s">
        <v>159</v>
      </c>
      <c r="AM183" s="196"/>
      <c r="AN183" s="196"/>
      <c r="AO183" s="196"/>
      <c r="AP183" s="196"/>
      <c r="AQ183" s="196"/>
      <c r="AR183" s="196"/>
      <c r="AS183" s="197"/>
      <c r="AT183" s="197"/>
      <c r="AU183" s="197"/>
      <c r="AV183" s="197"/>
      <c r="AW183" s="197"/>
      <c r="AX183" s="197"/>
      <c r="AY183" s="197"/>
      <c r="AZ183" s="176"/>
      <c r="BA183" s="176"/>
      <c r="BB183" s="176"/>
      <c r="BC183" s="176"/>
      <c r="BD183" s="176"/>
      <c r="BE183" s="214"/>
      <c r="BF183" s="188"/>
      <c r="BG183" s="239"/>
      <c r="BH183" s="262"/>
      <c r="BI183" s="239"/>
      <c r="BJ183" s="235"/>
      <c r="BK183" s="465"/>
      <c r="BL183" s="308"/>
      <c r="BM183" s="308"/>
      <c r="BN183" s="447"/>
    </row>
    <row r="184" spans="4:66" ht="19.5" customHeight="1">
      <c r="D184" s="208"/>
      <c r="E184" s="209"/>
      <c r="F184" s="209"/>
      <c r="G184" s="209"/>
      <c r="H184" s="188"/>
      <c r="I184" s="188"/>
      <c r="J184" s="188"/>
      <c r="K184" s="188"/>
      <c r="L184" s="188"/>
      <c r="M184" s="188"/>
      <c r="N184" s="188"/>
      <c r="O184" s="188"/>
      <c r="P184" s="188"/>
      <c r="Q184" s="188"/>
      <c r="R184" s="188"/>
      <c r="S184" s="233"/>
      <c r="T184" s="188"/>
      <c r="V184" s="188"/>
      <c r="W184" s="188"/>
      <c r="X184" s="188"/>
      <c r="Y184" s="188"/>
      <c r="Z184" s="188"/>
      <c r="AA184" s="188"/>
      <c r="AB184" s="188"/>
      <c r="AC184" s="371" t="s">
        <v>444</v>
      </c>
      <c r="AD184" s="277"/>
      <c r="AE184" s="277"/>
      <c r="AF184" s="277"/>
      <c r="AG184" s="277"/>
      <c r="AH184" s="372"/>
      <c r="AI184" s="192"/>
      <c r="AJ184" s="277" t="s">
        <v>8</v>
      </c>
      <c r="AK184" s="277"/>
      <c r="AL184" s="192" t="s">
        <v>160</v>
      </c>
      <c r="AM184" s="192"/>
      <c r="AN184" s="192"/>
      <c r="AO184" s="192"/>
      <c r="AP184" s="192"/>
      <c r="AQ184" s="192"/>
      <c r="AR184" s="192"/>
      <c r="AS184" s="198"/>
      <c r="AT184" s="198"/>
      <c r="AU184" s="198"/>
      <c r="AV184" s="198"/>
      <c r="AW184" s="198"/>
      <c r="AX184" s="198"/>
      <c r="AY184" s="198"/>
      <c r="AZ184" s="178"/>
      <c r="BA184" s="178"/>
      <c r="BB184" s="178"/>
      <c r="BC184" s="178"/>
      <c r="BD184" s="178"/>
      <c r="BE184" s="213"/>
      <c r="BF184" s="188"/>
      <c r="BG184" s="239"/>
      <c r="BH184" s="262"/>
      <c r="BI184" s="239"/>
      <c r="BJ184" s="235"/>
      <c r="BK184" s="465"/>
      <c r="BL184" s="308"/>
      <c r="BM184" s="308"/>
      <c r="BN184" s="447"/>
    </row>
    <row r="185" spans="4:66" ht="19.5" customHeight="1">
      <c r="D185" s="208"/>
      <c r="E185" s="209"/>
      <c r="F185" s="209"/>
      <c r="G185" s="209"/>
      <c r="H185" s="188"/>
      <c r="I185" s="188"/>
      <c r="J185" s="188"/>
      <c r="K185" s="188"/>
      <c r="L185" s="188"/>
      <c r="M185" s="188"/>
      <c r="N185" s="188"/>
      <c r="O185" s="188"/>
      <c r="P185" s="188"/>
      <c r="Q185" s="188"/>
      <c r="R185" s="188"/>
      <c r="S185" s="233"/>
      <c r="T185" s="188"/>
      <c r="V185" s="188"/>
      <c r="W185" s="188"/>
      <c r="X185" s="188"/>
      <c r="Y185" s="188"/>
      <c r="Z185" s="188"/>
      <c r="AA185" s="188"/>
      <c r="AB185" s="188"/>
      <c r="AC185" s="234"/>
      <c r="AD185" s="188"/>
      <c r="AE185" s="188"/>
      <c r="AF185" s="188"/>
      <c r="AG185" s="239"/>
      <c r="AH185" s="240"/>
      <c r="AI185" s="239"/>
      <c r="AJ185" s="308" t="s">
        <v>9</v>
      </c>
      <c r="AK185" s="308"/>
      <c r="AL185" s="239" t="s">
        <v>162</v>
      </c>
      <c r="AM185" s="239"/>
      <c r="AN185" s="239"/>
      <c r="AO185" s="239"/>
      <c r="AP185" s="239"/>
      <c r="AQ185" s="239"/>
      <c r="AR185" s="239"/>
      <c r="AS185" s="235"/>
      <c r="AT185" s="235"/>
      <c r="AU185" s="235"/>
      <c r="AV185" s="235"/>
      <c r="AW185" s="235"/>
      <c r="AX185" s="235"/>
      <c r="AY185" s="235"/>
      <c r="AZ185" s="188"/>
      <c r="BA185" s="188"/>
      <c r="BB185" s="188"/>
      <c r="BC185" s="188"/>
      <c r="BD185" s="188"/>
      <c r="BE185" s="233"/>
      <c r="BF185" s="188"/>
      <c r="BG185" s="239"/>
      <c r="BH185" s="262"/>
      <c r="BI185" s="239"/>
      <c r="BJ185" s="235"/>
      <c r="BK185" s="465"/>
      <c r="BL185" s="308"/>
      <c r="BM185" s="308"/>
      <c r="BN185" s="447"/>
    </row>
    <row r="186" spans="4:66" ht="19.5" customHeight="1">
      <c r="D186" s="208"/>
      <c r="E186" s="209"/>
      <c r="F186" s="209"/>
      <c r="G186" s="209"/>
      <c r="H186" s="188"/>
      <c r="I186" s="188"/>
      <c r="J186" s="188"/>
      <c r="K186" s="188"/>
      <c r="L186" s="188"/>
      <c r="M186" s="188"/>
      <c r="N186" s="188"/>
      <c r="O186" s="188"/>
      <c r="P186" s="188"/>
      <c r="Q186" s="188"/>
      <c r="R186" s="188"/>
      <c r="S186" s="233"/>
      <c r="T186" s="188"/>
      <c r="V186" s="188"/>
      <c r="W186" s="188"/>
      <c r="X186" s="188"/>
      <c r="Y186" s="188"/>
      <c r="Z186" s="188"/>
      <c r="AA186" s="188"/>
      <c r="AB186" s="188"/>
      <c r="AC186" s="194"/>
      <c r="AD186" s="176"/>
      <c r="AE186" s="176"/>
      <c r="AF186" s="176"/>
      <c r="AG186" s="196"/>
      <c r="AH186" s="241"/>
      <c r="AI186" s="196"/>
      <c r="AJ186" s="275" t="s">
        <v>158</v>
      </c>
      <c r="AK186" s="275"/>
      <c r="AL186" s="196" t="s">
        <v>159</v>
      </c>
      <c r="AM186" s="196"/>
      <c r="AN186" s="196"/>
      <c r="AO186" s="196"/>
      <c r="AP186" s="196"/>
      <c r="AQ186" s="196"/>
      <c r="AR186" s="196"/>
      <c r="AS186" s="197"/>
      <c r="AT186" s="197"/>
      <c r="AU186" s="197"/>
      <c r="AV186" s="197"/>
      <c r="AW186" s="197"/>
      <c r="AX186" s="197"/>
      <c r="AY186" s="197"/>
      <c r="AZ186" s="176"/>
      <c r="BA186" s="176"/>
      <c r="BB186" s="176"/>
      <c r="BC186" s="176"/>
      <c r="BD186" s="176"/>
      <c r="BE186" s="214"/>
      <c r="BF186" s="188"/>
      <c r="BG186" s="239"/>
      <c r="BH186" s="262"/>
      <c r="BI186" s="239"/>
      <c r="BJ186" s="70"/>
      <c r="BK186" s="308"/>
      <c r="BL186" s="308"/>
      <c r="BM186" s="308"/>
      <c r="BN186" s="447"/>
    </row>
    <row r="187" spans="4:66" ht="9" customHeight="1">
      <c r="D187" s="208"/>
      <c r="E187" s="209"/>
      <c r="F187" s="209"/>
      <c r="G187" s="209"/>
      <c r="H187" s="188"/>
      <c r="I187" s="188"/>
      <c r="J187" s="188"/>
      <c r="K187" s="188"/>
      <c r="L187" s="188"/>
      <c r="M187" s="188"/>
      <c r="N187" s="188"/>
      <c r="O187" s="188"/>
      <c r="P187" s="188"/>
      <c r="Q187" s="188"/>
      <c r="R187" s="188"/>
      <c r="S187" s="233"/>
      <c r="T187" s="188"/>
      <c r="V187" s="188"/>
      <c r="W187" s="188"/>
      <c r="X187" s="188"/>
      <c r="Y187" s="188"/>
      <c r="Z187" s="188"/>
      <c r="AA187" s="188"/>
      <c r="AB187" s="188"/>
      <c r="AC187" s="188"/>
      <c r="AD187" s="188"/>
      <c r="AE187" s="188"/>
      <c r="AF187" s="188"/>
      <c r="AG187" s="239"/>
      <c r="AH187" s="239"/>
      <c r="AI187" s="239"/>
      <c r="AJ187" s="188"/>
      <c r="AK187" s="188"/>
      <c r="AL187" s="239"/>
      <c r="AM187" s="239"/>
      <c r="AN187" s="239"/>
      <c r="AO187" s="239"/>
      <c r="AP187" s="239"/>
      <c r="AQ187" s="239"/>
      <c r="AR187" s="239"/>
      <c r="AS187" s="235"/>
      <c r="AT187" s="235"/>
      <c r="AU187" s="235"/>
      <c r="AV187" s="235"/>
      <c r="AW187" s="235"/>
      <c r="AX187" s="235"/>
      <c r="AY187" s="235"/>
      <c r="AZ187" s="188"/>
      <c r="BA187" s="188"/>
      <c r="BB187" s="188"/>
      <c r="BC187" s="188"/>
      <c r="BD187" s="188"/>
      <c r="BE187" s="188"/>
      <c r="BF187" s="188"/>
      <c r="BG187" s="239"/>
      <c r="BH187" s="262"/>
      <c r="BI187" s="239"/>
      <c r="BJ187" s="70"/>
      <c r="BK187" s="188"/>
      <c r="BL187" s="188"/>
      <c r="BM187" s="188"/>
      <c r="BN187" s="233"/>
    </row>
    <row r="188" spans="4:66" ht="19.5" customHeight="1">
      <c r="D188" s="208"/>
      <c r="E188" s="209"/>
      <c r="F188" s="209"/>
      <c r="G188" s="209"/>
      <c r="H188" s="188"/>
      <c r="I188" s="188"/>
      <c r="J188" s="188"/>
      <c r="K188" s="188"/>
      <c r="L188" s="188"/>
      <c r="M188" s="188"/>
      <c r="N188" s="188"/>
      <c r="O188" s="188"/>
      <c r="P188" s="188"/>
      <c r="Q188" s="188"/>
      <c r="R188" s="188"/>
      <c r="S188" s="233"/>
      <c r="T188" s="188"/>
      <c r="U188" s="250" t="s">
        <v>166</v>
      </c>
      <c r="V188" s="188"/>
      <c r="W188" s="188"/>
      <c r="X188" s="188"/>
      <c r="Y188" s="188"/>
      <c r="Z188" s="188"/>
      <c r="AA188" s="188"/>
      <c r="AB188" s="188"/>
      <c r="AC188" s="260"/>
      <c r="AD188" s="260"/>
      <c r="AE188" s="260"/>
      <c r="AF188" s="260"/>
      <c r="AG188" s="347" t="s">
        <v>300</v>
      </c>
      <c r="AH188" s="347"/>
      <c r="AI188" s="347"/>
      <c r="AJ188" s="347"/>
      <c r="AK188" s="347"/>
      <c r="AL188" s="347"/>
      <c r="AM188" s="347"/>
      <c r="AN188" s="347"/>
      <c r="AO188" s="347"/>
      <c r="AP188" s="347"/>
      <c r="AQ188" s="347"/>
      <c r="AR188" s="347"/>
      <c r="AS188" s="347"/>
      <c r="AT188" s="347"/>
      <c r="AU188" s="347"/>
      <c r="AV188" s="347"/>
      <c r="AW188" s="347"/>
      <c r="AX188" s="347"/>
      <c r="AY188" s="347"/>
      <c r="AZ188" s="347"/>
      <c r="BA188" s="347"/>
      <c r="BB188" s="347"/>
      <c r="BC188" s="347"/>
      <c r="BD188" s="347"/>
      <c r="BE188" s="347"/>
      <c r="BF188" s="347"/>
      <c r="BG188" s="239"/>
      <c r="BH188" s="448" t="s">
        <v>137</v>
      </c>
      <c r="BI188" s="308"/>
      <c r="BJ188" s="466"/>
      <c r="BK188" s="308" t="s">
        <v>138</v>
      </c>
      <c r="BL188" s="308"/>
      <c r="BM188" s="308"/>
      <c r="BN188" s="447"/>
    </row>
    <row r="189" spans="4:66" ht="19.5" customHeight="1">
      <c r="D189" s="208"/>
      <c r="E189" s="209"/>
      <c r="F189" s="209"/>
      <c r="G189" s="209"/>
      <c r="H189" s="188"/>
      <c r="I189" s="188"/>
      <c r="J189" s="188"/>
      <c r="K189" s="188"/>
      <c r="L189" s="188"/>
      <c r="M189" s="188"/>
      <c r="N189" s="188"/>
      <c r="O189" s="188"/>
      <c r="P189" s="188"/>
      <c r="Q189" s="188"/>
      <c r="R189" s="188"/>
      <c r="S189" s="233"/>
      <c r="T189" s="188"/>
      <c r="V189" s="188"/>
      <c r="W189" s="188"/>
      <c r="X189" s="188"/>
      <c r="Y189" s="188"/>
      <c r="Z189" s="188"/>
      <c r="AA189" s="188"/>
      <c r="AB189" s="188"/>
      <c r="AC189" s="260"/>
      <c r="AD189" s="260"/>
      <c r="AE189" s="260"/>
      <c r="AF189" s="260"/>
      <c r="AG189" s="347"/>
      <c r="AH189" s="347"/>
      <c r="AI189" s="347"/>
      <c r="AJ189" s="347"/>
      <c r="AK189" s="347"/>
      <c r="AL189" s="347"/>
      <c r="AM189" s="347"/>
      <c r="AN189" s="347"/>
      <c r="AO189" s="347"/>
      <c r="AP189" s="347"/>
      <c r="AQ189" s="347"/>
      <c r="AR189" s="347"/>
      <c r="AS189" s="347"/>
      <c r="AT189" s="347"/>
      <c r="AU189" s="347"/>
      <c r="AV189" s="347"/>
      <c r="AW189" s="347"/>
      <c r="AX189" s="347"/>
      <c r="AY189" s="347"/>
      <c r="AZ189" s="347"/>
      <c r="BA189" s="347"/>
      <c r="BB189" s="347"/>
      <c r="BC189" s="347"/>
      <c r="BD189" s="347"/>
      <c r="BE189" s="347"/>
      <c r="BF189" s="347"/>
      <c r="BG189" s="239"/>
      <c r="BH189" s="69"/>
      <c r="BI189" s="235"/>
      <c r="BJ189" s="235"/>
      <c r="BK189" s="465"/>
      <c r="BL189" s="308"/>
      <c r="BM189" s="308"/>
      <c r="BN189" s="447"/>
    </row>
    <row r="190" spans="4:66" ht="19.5" customHeight="1">
      <c r="D190" s="208"/>
      <c r="E190" s="209"/>
      <c r="F190" s="209"/>
      <c r="G190" s="209"/>
      <c r="H190" s="188"/>
      <c r="I190" s="188"/>
      <c r="J190" s="188"/>
      <c r="K190" s="188"/>
      <c r="L190" s="188"/>
      <c r="M190" s="188"/>
      <c r="N190" s="188"/>
      <c r="O190" s="188"/>
      <c r="P190" s="188"/>
      <c r="Q190" s="188"/>
      <c r="R190" s="188"/>
      <c r="S190" s="233"/>
      <c r="T190" s="188"/>
      <c r="V190" s="188"/>
      <c r="W190" s="188"/>
      <c r="X190" s="188"/>
      <c r="Y190" s="188"/>
      <c r="Z190" s="188"/>
      <c r="AA190" s="188"/>
      <c r="AB190" s="188"/>
      <c r="AC190" s="260"/>
      <c r="AD190" s="260"/>
      <c r="AE190" s="260"/>
      <c r="AF190" s="260"/>
      <c r="AG190" s="200"/>
      <c r="AH190" s="239" t="s">
        <v>167</v>
      </c>
      <c r="AI190" s="200"/>
      <c r="AJ190" s="200"/>
      <c r="AK190" s="200"/>
      <c r="AL190" s="200"/>
      <c r="AM190" s="200"/>
      <c r="AN190" s="200"/>
      <c r="AO190" s="200"/>
      <c r="AP190" s="200"/>
      <c r="AQ190" s="200"/>
      <c r="AR190" s="200"/>
      <c r="AS190" s="200"/>
      <c r="AT190" s="200"/>
      <c r="AU190" s="200"/>
      <c r="AV190" s="200"/>
      <c r="AW190" s="200"/>
      <c r="AX190" s="200"/>
      <c r="AY190" s="200"/>
      <c r="AZ190" s="200"/>
      <c r="BA190" s="200"/>
      <c r="BB190" s="200"/>
      <c r="BC190" s="200"/>
      <c r="BD190" s="200"/>
      <c r="BE190" s="200"/>
      <c r="BF190" s="200"/>
      <c r="BG190" s="239"/>
      <c r="BH190" s="69"/>
      <c r="BI190" s="235"/>
      <c r="BJ190" s="235"/>
      <c r="BK190" s="465"/>
      <c r="BL190" s="308"/>
      <c r="BM190" s="308"/>
      <c r="BN190" s="447"/>
    </row>
    <row r="191" spans="4:66" ht="19.5" customHeight="1">
      <c r="D191" s="208"/>
      <c r="E191" s="209"/>
      <c r="F191" s="209"/>
      <c r="G191" s="209"/>
      <c r="H191" s="188"/>
      <c r="I191" s="188"/>
      <c r="J191" s="188"/>
      <c r="K191" s="188"/>
      <c r="L191" s="188"/>
      <c r="M191" s="188"/>
      <c r="N191" s="188"/>
      <c r="O191" s="188"/>
      <c r="P191" s="188"/>
      <c r="Q191" s="188"/>
      <c r="R191" s="188"/>
      <c r="S191" s="233"/>
      <c r="T191" s="188"/>
      <c r="V191" s="188"/>
      <c r="W191" s="188"/>
      <c r="X191" s="188"/>
      <c r="Y191" s="188"/>
      <c r="Z191" s="188"/>
      <c r="AA191" s="188"/>
      <c r="AB191" s="188"/>
      <c r="AC191" s="260"/>
      <c r="AD191" s="260"/>
      <c r="AE191" s="260"/>
      <c r="AF191" s="260"/>
      <c r="AG191" s="200"/>
      <c r="AH191" s="239" t="s">
        <v>168</v>
      </c>
      <c r="AI191" s="200"/>
      <c r="AJ191" s="200"/>
      <c r="AK191" s="200"/>
      <c r="AL191" s="200"/>
      <c r="AM191" s="200"/>
      <c r="AN191" s="200"/>
      <c r="AO191" s="200"/>
      <c r="AP191" s="200"/>
      <c r="AQ191" s="200"/>
      <c r="AR191" s="200"/>
      <c r="AS191" s="200"/>
      <c r="AT191" s="200"/>
      <c r="AU191" s="200"/>
      <c r="AV191" s="200"/>
      <c r="AW191" s="200"/>
      <c r="AX191" s="200"/>
      <c r="AY191" s="200"/>
      <c r="AZ191" s="200"/>
      <c r="BA191" s="200"/>
      <c r="BB191" s="200"/>
      <c r="BC191" s="200"/>
      <c r="BD191" s="200"/>
      <c r="BE191" s="200"/>
      <c r="BF191" s="200"/>
      <c r="BG191" s="239"/>
      <c r="BH191" s="69"/>
      <c r="BI191" s="235"/>
      <c r="BJ191" s="235"/>
      <c r="BK191" s="465"/>
      <c r="BL191" s="308"/>
      <c r="BM191" s="308"/>
      <c r="BN191" s="447"/>
    </row>
    <row r="192" spans="4:66" ht="19.5" customHeight="1">
      <c r="D192" s="208"/>
      <c r="E192" s="209"/>
      <c r="F192" s="209"/>
      <c r="G192" s="209"/>
      <c r="H192" s="188"/>
      <c r="I192" s="188"/>
      <c r="J192" s="188"/>
      <c r="K192" s="188"/>
      <c r="L192" s="188"/>
      <c r="M192" s="188"/>
      <c r="N192" s="188"/>
      <c r="O192" s="188"/>
      <c r="P192" s="188"/>
      <c r="Q192" s="188"/>
      <c r="R192" s="188"/>
      <c r="S192" s="233"/>
      <c r="T192" s="188"/>
      <c r="V192" s="188"/>
      <c r="W192" s="188"/>
      <c r="X192" s="188"/>
      <c r="Y192" s="188"/>
      <c r="Z192" s="188"/>
      <c r="AA192" s="188"/>
      <c r="AB192" s="188"/>
      <c r="AC192" s="260"/>
      <c r="AD192" s="260"/>
      <c r="AE192" s="260"/>
      <c r="AF192" s="260"/>
      <c r="AG192" s="239" t="s">
        <v>169</v>
      </c>
      <c r="AH192" s="239"/>
      <c r="AI192" s="200"/>
      <c r="AJ192" s="200"/>
      <c r="AK192" s="200"/>
      <c r="AL192" s="200"/>
      <c r="AM192" s="200"/>
      <c r="AN192" s="200"/>
      <c r="AO192" s="200"/>
      <c r="AP192" s="200"/>
      <c r="AQ192" s="200"/>
      <c r="AR192" s="200"/>
      <c r="AS192" s="200"/>
      <c r="AT192" s="200"/>
      <c r="AU192" s="200"/>
      <c r="AV192" s="200"/>
      <c r="AW192" s="200"/>
      <c r="AX192" s="200"/>
      <c r="AY192" s="200"/>
      <c r="AZ192" s="200"/>
      <c r="BA192" s="200"/>
      <c r="BB192" s="200"/>
      <c r="BC192" s="200"/>
      <c r="BD192" s="200"/>
      <c r="BE192" s="200"/>
      <c r="BF192" s="200"/>
      <c r="BG192" s="239"/>
      <c r="BH192" s="69"/>
      <c r="BI192" s="235"/>
      <c r="BJ192" s="235"/>
      <c r="BK192" s="465"/>
      <c r="BL192" s="308"/>
      <c r="BM192" s="308"/>
      <c r="BN192" s="447"/>
    </row>
    <row r="193" spans="4:66" ht="11.25" customHeight="1">
      <c r="D193" s="208"/>
      <c r="E193" s="209"/>
      <c r="F193" s="209"/>
      <c r="G193" s="209"/>
      <c r="H193" s="188"/>
      <c r="I193" s="188"/>
      <c r="J193" s="188"/>
      <c r="K193" s="188"/>
      <c r="L193" s="188"/>
      <c r="M193" s="188"/>
      <c r="N193" s="188"/>
      <c r="O193" s="188"/>
      <c r="P193" s="188"/>
      <c r="Q193" s="188"/>
      <c r="R193" s="188"/>
      <c r="S193" s="233"/>
      <c r="T193" s="188"/>
      <c r="V193" s="188"/>
      <c r="W193" s="188"/>
      <c r="X193" s="188"/>
      <c r="Y193" s="188"/>
      <c r="Z193" s="188"/>
      <c r="AA193" s="188"/>
      <c r="AB193" s="188"/>
      <c r="AC193" s="260"/>
      <c r="AD193" s="260"/>
      <c r="AE193" s="260"/>
      <c r="AF193" s="260"/>
      <c r="AG193" s="200"/>
      <c r="AH193" s="200"/>
      <c r="AI193" s="200"/>
      <c r="AJ193" s="200"/>
      <c r="AK193" s="200"/>
      <c r="AL193" s="200"/>
      <c r="AM193" s="200"/>
      <c r="AN193" s="200"/>
      <c r="AO193" s="200"/>
      <c r="AP193" s="200"/>
      <c r="AQ193" s="200"/>
      <c r="AR193" s="200"/>
      <c r="AS193" s="200"/>
      <c r="AT193" s="200"/>
      <c r="AU193" s="200"/>
      <c r="AV193" s="200"/>
      <c r="AW193" s="200"/>
      <c r="AX193" s="200"/>
      <c r="AY193" s="200"/>
      <c r="AZ193" s="200"/>
      <c r="BA193" s="200"/>
      <c r="BB193" s="200"/>
      <c r="BC193" s="200"/>
      <c r="BD193" s="200"/>
      <c r="BE193" s="200"/>
      <c r="BF193" s="200"/>
      <c r="BG193" s="239"/>
      <c r="BH193" s="69"/>
      <c r="BI193" s="235"/>
      <c r="BJ193" s="235"/>
      <c r="BK193" s="465"/>
      <c r="BL193" s="308"/>
      <c r="BM193" s="308"/>
      <c r="BN193" s="447"/>
    </row>
    <row r="194" spans="4:66" ht="19.5" customHeight="1">
      <c r="D194" s="208"/>
      <c r="E194" s="209"/>
      <c r="F194" s="209"/>
      <c r="G194" s="209"/>
      <c r="H194" s="188"/>
      <c r="I194" s="188"/>
      <c r="J194" s="188"/>
      <c r="K194" s="188"/>
      <c r="L194" s="188"/>
      <c r="M194" s="188"/>
      <c r="N194" s="188"/>
      <c r="O194" s="188"/>
      <c r="P194" s="188"/>
      <c r="Q194" s="188"/>
      <c r="R194" s="188"/>
      <c r="S194" s="233"/>
      <c r="T194" s="188"/>
      <c r="U194" s="309" t="s">
        <v>172</v>
      </c>
      <c r="V194" s="309"/>
      <c r="W194" s="309"/>
      <c r="X194" s="309"/>
      <c r="Y194" s="309"/>
      <c r="Z194" s="309"/>
      <c r="AA194" s="309"/>
      <c r="AB194" s="309"/>
      <c r="AC194" s="309"/>
      <c r="AD194" s="309"/>
      <c r="AE194" s="309"/>
      <c r="AF194" s="309"/>
      <c r="AG194" s="309"/>
      <c r="AH194" s="309"/>
      <c r="AI194" s="309"/>
      <c r="AJ194" s="309"/>
      <c r="AK194" s="309"/>
      <c r="AL194" s="309"/>
      <c r="AM194" s="309"/>
      <c r="AN194" s="309"/>
      <c r="AO194" s="309"/>
      <c r="AP194" s="309"/>
      <c r="AQ194" s="309"/>
      <c r="AR194" s="309"/>
      <c r="AS194" s="309"/>
      <c r="AT194" s="309"/>
      <c r="AU194" s="309"/>
      <c r="AV194" s="309"/>
      <c r="AW194" s="200"/>
      <c r="AX194" s="200"/>
      <c r="AY194" s="200"/>
      <c r="AZ194" s="200"/>
      <c r="BA194" s="200"/>
      <c r="BB194" s="200"/>
      <c r="BC194" s="200"/>
      <c r="BD194" s="200"/>
      <c r="BE194" s="200"/>
      <c r="BF194" s="200"/>
      <c r="BG194" s="239"/>
      <c r="BH194" s="448" t="s">
        <v>137</v>
      </c>
      <c r="BI194" s="308"/>
      <c r="BJ194" s="466"/>
      <c r="BK194" s="308" t="s">
        <v>138</v>
      </c>
      <c r="BL194" s="308"/>
      <c r="BM194" s="308"/>
      <c r="BN194" s="447"/>
    </row>
    <row r="195" spans="4:66" ht="19.5" customHeight="1">
      <c r="D195" s="208"/>
      <c r="E195" s="209"/>
      <c r="F195" s="209"/>
      <c r="G195" s="209"/>
      <c r="H195" s="188"/>
      <c r="I195" s="188"/>
      <c r="J195" s="188"/>
      <c r="K195" s="188"/>
      <c r="L195" s="188"/>
      <c r="M195" s="188"/>
      <c r="N195" s="188"/>
      <c r="O195" s="188"/>
      <c r="P195" s="188"/>
      <c r="Q195" s="188"/>
      <c r="R195" s="188"/>
      <c r="S195" s="233"/>
      <c r="T195" s="188"/>
      <c r="U195" s="309" t="s">
        <v>170</v>
      </c>
      <c r="V195" s="309"/>
      <c r="W195" s="309"/>
      <c r="X195" s="309"/>
      <c r="Y195" s="309"/>
      <c r="Z195" s="309"/>
      <c r="AA195" s="309"/>
      <c r="AB195" s="309"/>
      <c r="AC195" s="309"/>
      <c r="AD195" s="309"/>
      <c r="AE195" s="309"/>
      <c r="AF195" s="309"/>
      <c r="AG195" s="309"/>
      <c r="AH195" s="309"/>
      <c r="AI195" s="309"/>
      <c r="AJ195" s="309"/>
      <c r="AK195" s="309"/>
      <c r="AL195" s="309"/>
      <c r="AM195" s="309"/>
      <c r="AN195" s="309"/>
      <c r="AO195" s="309"/>
      <c r="AP195" s="309"/>
      <c r="AQ195" s="309"/>
      <c r="AR195" s="309"/>
      <c r="AS195" s="309"/>
      <c r="AT195" s="309"/>
      <c r="AU195" s="309"/>
      <c r="AV195" s="309"/>
      <c r="AW195" s="200"/>
      <c r="AX195" s="200"/>
      <c r="AY195" s="200"/>
      <c r="AZ195" s="200"/>
      <c r="BA195" s="200"/>
      <c r="BB195" s="200"/>
      <c r="BC195" s="200"/>
      <c r="BD195" s="200"/>
      <c r="BE195" s="200"/>
      <c r="BF195" s="200"/>
      <c r="BG195" s="239"/>
      <c r="BH195" s="448" t="s">
        <v>137</v>
      </c>
      <c r="BI195" s="308"/>
      <c r="BJ195" s="466"/>
      <c r="BK195" s="308" t="s">
        <v>138</v>
      </c>
      <c r="BL195" s="308"/>
      <c r="BM195" s="308"/>
      <c r="BN195" s="447"/>
    </row>
    <row r="196" spans="4:66" ht="19.5" customHeight="1">
      <c r="D196" s="210"/>
      <c r="E196" s="211"/>
      <c r="F196" s="211"/>
      <c r="G196" s="211"/>
      <c r="H196" s="176"/>
      <c r="I196" s="176"/>
      <c r="J196" s="176"/>
      <c r="K196" s="176"/>
      <c r="L196" s="176"/>
      <c r="M196" s="176"/>
      <c r="N196" s="176"/>
      <c r="O196" s="176"/>
      <c r="P196" s="176"/>
      <c r="Q196" s="176"/>
      <c r="R196" s="176"/>
      <c r="S196" s="214"/>
      <c r="T196" s="176"/>
      <c r="U196" s="276" t="s">
        <v>171</v>
      </c>
      <c r="V196" s="276"/>
      <c r="W196" s="276"/>
      <c r="X196" s="276"/>
      <c r="Y196" s="276"/>
      <c r="Z196" s="276"/>
      <c r="AA196" s="276"/>
      <c r="AB196" s="276"/>
      <c r="AC196" s="276"/>
      <c r="AD196" s="276"/>
      <c r="AE196" s="276"/>
      <c r="AF196" s="276"/>
      <c r="AG196" s="276"/>
      <c r="AH196" s="276"/>
      <c r="AI196" s="276"/>
      <c r="AJ196" s="276"/>
      <c r="AK196" s="276"/>
      <c r="AL196" s="276"/>
      <c r="AM196" s="276"/>
      <c r="AN196" s="276"/>
      <c r="AO196" s="276"/>
      <c r="AP196" s="276"/>
      <c r="AQ196" s="276"/>
      <c r="AR196" s="276"/>
      <c r="AS196" s="276"/>
      <c r="AT196" s="276"/>
      <c r="AU196" s="276"/>
      <c r="AV196" s="276"/>
      <c r="AW196" s="197"/>
      <c r="AX196" s="176"/>
      <c r="AY196" s="176"/>
      <c r="AZ196" s="176"/>
      <c r="BA196" s="176"/>
      <c r="BB196" s="176"/>
      <c r="BC196" s="176"/>
      <c r="BD196" s="176"/>
      <c r="BE196" s="196"/>
      <c r="BF196" s="196"/>
      <c r="BG196" s="196"/>
      <c r="BH196" s="329" t="s">
        <v>137</v>
      </c>
      <c r="BI196" s="275"/>
      <c r="BJ196" s="330"/>
      <c r="BK196" s="275" t="s">
        <v>138</v>
      </c>
      <c r="BL196" s="275"/>
      <c r="BM196" s="275"/>
      <c r="BN196" s="374"/>
    </row>
    <row r="197" spans="4:66" ht="24.75" customHeight="1">
      <c r="D197" s="67"/>
      <c r="E197" s="462" t="s">
        <v>395</v>
      </c>
      <c r="F197" s="462"/>
      <c r="G197" s="123" t="s">
        <v>173</v>
      </c>
      <c r="H197" s="123"/>
      <c r="I197" s="219"/>
      <c r="J197" s="219"/>
      <c r="K197" s="219"/>
      <c r="L197" s="219"/>
      <c r="M197" s="219"/>
      <c r="N197" s="219"/>
      <c r="O197" s="219"/>
      <c r="P197" s="219"/>
      <c r="Q197" s="219"/>
      <c r="R197" s="219"/>
      <c r="S197" s="220"/>
      <c r="T197" s="218"/>
      <c r="U197" s="38" t="s">
        <v>174</v>
      </c>
      <c r="V197" s="219"/>
      <c r="W197" s="219"/>
      <c r="X197" s="219"/>
      <c r="Y197" s="219"/>
      <c r="Z197" s="219"/>
      <c r="AA197" s="219"/>
      <c r="AB197" s="219"/>
      <c r="AC197" s="219"/>
      <c r="AD197" s="219"/>
      <c r="AE197" s="219"/>
      <c r="AF197" s="219"/>
      <c r="AG197" s="219"/>
      <c r="AH197" s="219"/>
      <c r="AI197" s="123"/>
      <c r="AJ197" s="123"/>
      <c r="AK197" s="123"/>
      <c r="AL197" s="123"/>
      <c r="AM197" s="123"/>
      <c r="AN197" s="123"/>
      <c r="AO197" s="123"/>
      <c r="AP197" s="123"/>
      <c r="AQ197" s="123"/>
      <c r="AR197" s="123"/>
      <c r="AS197" s="123"/>
      <c r="AT197" s="58"/>
      <c r="AU197" s="58"/>
      <c r="AV197" s="58"/>
      <c r="AW197" s="58"/>
      <c r="AX197" s="58"/>
      <c r="AY197" s="58"/>
      <c r="AZ197" s="58"/>
      <c r="BA197" s="58"/>
      <c r="BB197" s="219"/>
      <c r="BC197" s="219"/>
      <c r="BD197" s="219"/>
      <c r="BE197" s="219"/>
      <c r="BF197" s="219"/>
      <c r="BG197" s="219"/>
      <c r="BH197" s="38"/>
      <c r="BI197" s="38"/>
      <c r="BJ197" s="38"/>
      <c r="BK197" s="68"/>
      <c r="BL197" s="463" t="s">
        <v>132</v>
      </c>
      <c r="BM197" s="389"/>
      <c r="BN197" s="390"/>
    </row>
    <row r="198" spans="4:66" ht="19.5" customHeight="1">
      <c r="D198" s="207"/>
      <c r="E198" s="357" t="s">
        <v>396</v>
      </c>
      <c r="F198" s="357"/>
      <c r="G198" s="402" t="s">
        <v>178</v>
      </c>
      <c r="H198" s="402"/>
      <c r="I198" s="402"/>
      <c r="J198" s="402"/>
      <c r="K198" s="402"/>
      <c r="L198" s="402"/>
      <c r="M198" s="402"/>
      <c r="N198" s="402"/>
      <c r="O198" s="402"/>
      <c r="P198" s="402"/>
      <c r="Q198" s="402"/>
      <c r="R198" s="402"/>
      <c r="S198" s="213"/>
      <c r="T198" s="72"/>
      <c r="U198" s="402" t="s">
        <v>177</v>
      </c>
      <c r="V198" s="402"/>
      <c r="W198" s="402"/>
      <c r="X198" s="402"/>
      <c r="Y198" s="402"/>
      <c r="Z198" s="402"/>
      <c r="AA198" s="402"/>
      <c r="AB198" s="402"/>
      <c r="AC198" s="402"/>
      <c r="AD198" s="402"/>
      <c r="AE198" s="402"/>
      <c r="AF198" s="402"/>
      <c r="AG198" s="402"/>
      <c r="AH198" s="402"/>
      <c r="AI198" s="402"/>
      <c r="AJ198" s="402"/>
      <c r="AK198" s="402"/>
      <c r="AL198" s="402"/>
      <c r="AM198" s="402"/>
      <c r="AN198" s="402"/>
      <c r="AO198" s="402"/>
      <c r="AP198" s="402"/>
      <c r="AQ198" s="402"/>
      <c r="AR198" s="402"/>
      <c r="AS198" s="402"/>
      <c r="AT198" s="402"/>
      <c r="AU198" s="402"/>
      <c r="AV198" s="402"/>
      <c r="AW198" s="402"/>
      <c r="AX198" s="402"/>
      <c r="AY198" s="402"/>
      <c r="AZ198" s="403"/>
      <c r="BA198" s="191"/>
      <c r="BB198" s="192" t="s">
        <v>175</v>
      </c>
      <c r="BC198" s="192"/>
      <c r="BD198" s="178"/>
      <c r="BE198" s="192"/>
      <c r="BF198" s="192"/>
      <c r="BG198" s="192"/>
      <c r="BH198" s="198"/>
      <c r="BI198" s="198"/>
      <c r="BJ198" s="198"/>
      <c r="BK198" s="198"/>
      <c r="BL198" s="467" t="s">
        <v>132</v>
      </c>
      <c r="BM198" s="277"/>
      <c r="BN198" s="372"/>
    </row>
    <row r="199" spans="4:66" ht="19.5" customHeight="1">
      <c r="D199" s="210"/>
      <c r="E199" s="363"/>
      <c r="F199" s="363"/>
      <c r="G199" s="405"/>
      <c r="H199" s="405"/>
      <c r="I199" s="405"/>
      <c r="J199" s="405"/>
      <c r="K199" s="405"/>
      <c r="L199" s="405"/>
      <c r="M199" s="405"/>
      <c r="N199" s="405"/>
      <c r="O199" s="405"/>
      <c r="P199" s="405"/>
      <c r="Q199" s="405"/>
      <c r="R199" s="405"/>
      <c r="S199" s="214"/>
      <c r="T199" s="29"/>
      <c r="U199" s="405"/>
      <c r="V199" s="405"/>
      <c r="W199" s="405"/>
      <c r="X199" s="405"/>
      <c r="Y199" s="405"/>
      <c r="Z199" s="405"/>
      <c r="AA199" s="405"/>
      <c r="AB199" s="405"/>
      <c r="AC199" s="405"/>
      <c r="AD199" s="405"/>
      <c r="AE199" s="405"/>
      <c r="AF199" s="405"/>
      <c r="AG199" s="405"/>
      <c r="AH199" s="405"/>
      <c r="AI199" s="405"/>
      <c r="AJ199" s="405"/>
      <c r="AK199" s="405"/>
      <c r="AL199" s="405"/>
      <c r="AM199" s="405"/>
      <c r="AN199" s="405"/>
      <c r="AO199" s="405"/>
      <c r="AP199" s="405"/>
      <c r="AQ199" s="405"/>
      <c r="AR199" s="405"/>
      <c r="AS199" s="405"/>
      <c r="AT199" s="405"/>
      <c r="AU199" s="405"/>
      <c r="AV199" s="405"/>
      <c r="AW199" s="405"/>
      <c r="AX199" s="405"/>
      <c r="AY199" s="405"/>
      <c r="AZ199" s="406"/>
      <c r="BA199" s="194"/>
      <c r="BB199" s="196" t="s">
        <v>176</v>
      </c>
      <c r="BC199" s="176"/>
      <c r="BD199" s="176"/>
      <c r="BE199" s="196"/>
      <c r="BF199" s="196"/>
      <c r="BG199" s="196"/>
      <c r="BH199" s="197"/>
      <c r="BI199" s="197"/>
      <c r="BJ199" s="197"/>
      <c r="BK199" s="197"/>
      <c r="BL199" s="343" t="s">
        <v>132</v>
      </c>
      <c r="BM199" s="275"/>
      <c r="BN199" s="374"/>
    </row>
    <row r="200" spans="4:66" s="239" customFormat="1" ht="23.25" customHeight="1">
      <c r="D200" s="67"/>
      <c r="E200" s="462" t="s">
        <v>397</v>
      </c>
      <c r="F200" s="462"/>
      <c r="G200" s="123" t="s">
        <v>179</v>
      </c>
      <c r="H200" s="123"/>
      <c r="I200" s="219"/>
      <c r="J200" s="219"/>
      <c r="K200" s="219"/>
      <c r="L200" s="219"/>
      <c r="M200" s="219"/>
      <c r="N200" s="219"/>
      <c r="O200" s="219"/>
      <c r="P200" s="219"/>
      <c r="Q200" s="219"/>
      <c r="R200" s="219"/>
      <c r="S200" s="220"/>
      <c r="T200" s="122"/>
      <c r="U200" s="123" t="s">
        <v>181</v>
      </c>
      <c r="V200" s="123"/>
      <c r="W200" s="123"/>
      <c r="X200" s="123"/>
      <c r="Y200" s="123"/>
      <c r="Z200" s="123"/>
      <c r="AA200" s="123"/>
      <c r="AB200" s="123"/>
      <c r="AC200" s="123"/>
      <c r="AD200" s="123"/>
      <c r="AE200" s="123"/>
      <c r="AF200" s="123"/>
      <c r="AG200" s="123"/>
      <c r="AH200" s="123"/>
      <c r="AI200" s="123"/>
      <c r="AJ200" s="123"/>
      <c r="AK200" s="123"/>
      <c r="AL200" s="123"/>
      <c r="AM200" s="123"/>
      <c r="AN200" s="123"/>
      <c r="AO200" s="123"/>
      <c r="AP200" s="123"/>
      <c r="AQ200" s="123"/>
      <c r="AR200" s="123"/>
      <c r="AS200" s="123"/>
      <c r="AT200" s="123"/>
      <c r="AU200" s="123"/>
      <c r="AV200" s="123"/>
      <c r="AW200" s="123"/>
      <c r="AX200" s="123"/>
      <c r="AY200" s="123"/>
      <c r="AZ200" s="123"/>
      <c r="BA200" s="123"/>
      <c r="BB200" s="123"/>
      <c r="BC200" s="123"/>
      <c r="BD200" s="123"/>
      <c r="BE200" s="123"/>
      <c r="BF200" s="123"/>
      <c r="BG200" s="123"/>
      <c r="BH200" s="123"/>
      <c r="BI200" s="463" t="s">
        <v>136</v>
      </c>
      <c r="BJ200" s="389"/>
      <c r="BK200" s="389"/>
      <c r="BL200" s="389"/>
      <c r="BM200" s="389"/>
      <c r="BN200" s="390"/>
    </row>
    <row r="201" spans="4:66" ht="6" customHeight="1">
      <c r="D201" s="76"/>
      <c r="E201" s="76"/>
      <c r="F201" s="76"/>
      <c r="G201" s="76"/>
      <c r="H201" s="121"/>
      <c r="I201" s="121"/>
      <c r="J201" s="121"/>
      <c r="K201" s="121"/>
      <c r="L201" s="121"/>
      <c r="M201" s="121"/>
      <c r="N201" s="121"/>
      <c r="O201" s="121"/>
      <c r="P201" s="121"/>
      <c r="Q201" s="121"/>
      <c r="R201" s="121"/>
      <c r="S201" s="121"/>
      <c r="T201" s="121"/>
      <c r="U201" s="121"/>
      <c r="V201" s="121"/>
      <c r="W201" s="121"/>
      <c r="X201" s="121"/>
      <c r="Y201" s="121"/>
      <c r="Z201" s="121"/>
      <c r="AA201" s="121"/>
      <c r="AB201" s="121"/>
      <c r="AC201" s="121"/>
      <c r="AD201" s="121"/>
      <c r="AE201" s="121"/>
      <c r="AF201" s="121"/>
      <c r="AG201" s="121"/>
      <c r="AH201" s="121"/>
      <c r="AI201" s="121"/>
      <c r="AJ201" s="121"/>
      <c r="AK201" s="121"/>
      <c r="AL201" s="121"/>
      <c r="AM201" s="121"/>
      <c r="AN201" s="121"/>
      <c r="AO201" s="121"/>
      <c r="AP201" s="121"/>
      <c r="AQ201" s="121"/>
      <c r="AR201" s="121"/>
      <c r="AS201" s="121"/>
      <c r="AT201" s="121"/>
      <c r="AU201" s="121"/>
      <c r="AV201" s="121"/>
      <c r="AW201" s="121"/>
      <c r="AX201" s="121"/>
      <c r="AY201" s="121"/>
      <c r="AZ201" s="121"/>
      <c r="BA201" s="121"/>
      <c r="BB201" s="121"/>
      <c r="BC201" s="121"/>
      <c r="BD201" s="121"/>
      <c r="BE201" s="121"/>
      <c r="BF201" s="121"/>
      <c r="BG201" s="121"/>
      <c r="BH201" s="121"/>
      <c r="BI201" s="121"/>
      <c r="BJ201" s="121"/>
      <c r="BK201" s="253"/>
      <c r="BL201" s="249"/>
      <c r="BM201" s="249"/>
      <c r="BN201" s="249"/>
    </row>
    <row r="202" spans="4:66" ht="11.25" customHeight="1">
      <c r="D202" s="81"/>
      <c r="E202" s="81"/>
      <c r="F202" s="81"/>
      <c r="G202" s="81"/>
      <c r="H202" s="238"/>
      <c r="I202" s="238"/>
      <c r="J202" s="238"/>
      <c r="K202" s="238"/>
      <c r="L202" s="238"/>
      <c r="M202" s="238"/>
      <c r="N202" s="238"/>
      <c r="O202" s="238"/>
      <c r="P202" s="238"/>
      <c r="Q202" s="238"/>
      <c r="R202" s="238"/>
      <c r="S202" s="238"/>
      <c r="T202" s="238"/>
      <c r="U202" s="238"/>
      <c r="V202" s="238"/>
      <c r="W202" s="238"/>
      <c r="X202" s="238"/>
      <c r="Y202" s="238"/>
      <c r="Z202" s="238"/>
      <c r="AA202" s="238"/>
      <c r="AB202" s="238"/>
      <c r="AC202" s="238"/>
      <c r="AD202" s="238"/>
      <c r="AE202" s="238"/>
      <c r="AF202" s="238"/>
      <c r="AG202" s="238"/>
      <c r="AH202" s="238"/>
      <c r="AI202" s="238"/>
      <c r="AJ202" s="238"/>
      <c r="AK202" s="238"/>
      <c r="AL202" s="238"/>
      <c r="AM202" s="238"/>
      <c r="AN202" s="238"/>
      <c r="AO202" s="238"/>
      <c r="AP202" s="238"/>
      <c r="AQ202" s="238"/>
      <c r="AR202" s="238"/>
      <c r="AS202" s="238"/>
      <c r="AT202" s="238"/>
      <c r="AU202" s="238"/>
      <c r="AV202" s="238"/>
      <c r="AW202" s="238"/>
      <c r="AX202" s="238"/>
      <c r="AY202" s="238"/>
      <c r="AZ202" s="238"/>
      <c r="BA202" s="238"/>
      <c r="BB202" s="238"/>
      <c r="BC202" s="238"/>
      <c r="BD202" s="238"/>
      <c r="BE202" s="238"/>
      <c r="BF202" s="238"/>
      <c r="BG202" s="238"/>
      <c r="BH202" s="238"/>
      <c r="BI202" s="238"/>
      <c r="BJ202" s="238"/>
      <c r="BK202" s="254"/>
      <c r="BL202" s="251"/>
      <c r="BM202" s="251"/>
      <c r="BN202" s="251"/>
    </row>
    <row r="203" spans="4:66" s="239" customFormat="1" ht="19.5" customHeight="1">
      <c r="D203" s="207"/>
      <c r="E203" s="357" t="s">
        <v>398</v>
      </c>
      <c r="F203" s="357"/>
      <c r="G203" s="402" t="s">
        <v>180</v>
      </c>
      <c r="H203" s="402"/>
      <c r="I203" s="402"/>
      <c r="J203" s="402"/>
      <c r="K203" s="402"/>
      <c r="L203" s="402"/>
      <c r="M203" s="402"/>
      <c r="N203" s="402"/>
      <c r="O203" s="402"/>
      <c r="P203" s="402"/>
      <c r="Q203" s="402"/>
      <c r="R203" s="402"/>
      <c r="S203" s="213"/>
      <c r="T203" s="191"/>
      <c r="U203" s="192" t="s">
        <v>182</v>
      </c>
      <c r="V203" s="192"/>
      <c r="W203" s="192"/>
      <c r="X203" s="192"/>
      <c r="Y203" s="192"/>
      <c r="Z203" s="192"/>
      <c r="AA203" s="192"/>
      <c r="AB203" s="192"/>
      <c r="AC203" s="192"/>
      <c r="AD203" s="192"/>
      <c r="AE203" s="192"/>
      <c r="AF203" s="192"/>
      <c r="AG203" s="192"/>
      <c r="AH203" s="192"/>
      <c r="AI203" s="192"/>
      <c r="AJ203" s="192"/>
      <c r="AK203" s="192"/>
      <c r="AL203" s="192"/>
      <c r="AM203" s="192"/>
      <c r="AN203" s="192"/>
      <c r="AO203" s="192"/>
      <c r="AP203" s="192"/>
      <c r="AQ203" s="192"/>
      <c r="AR203" s="192"/>
      <c r="AS203" s="192"/>
      <c r="AT203" s="192"/>
      <c r="AU203" s="192"/>
      <c r="AV203" s="192"/>
      <c r="AW203" s="192"/>
      <c r="AX203" s="192"/>
      <c r="AY203" s="192"/>
      <c r="AZ203" s="192"/>
      <c r="BA203" s="192"/>
      <c r="BB203" s="192"/>
      <c r="BC203" s="192"/>
      <c r="BD203" s="192"/>
      <c r="BE203" s="192"/>
      <c r="BF203" s="192"/>
      <c r="BG203" s="192"/>
      <c r="BH203" s="192"/>
      <c r="BI203" s="192"/>
      <c r="BJ203" s="192"/>
      <c r="BK203" s="192"/>
      <c r="BL203" s="192"/>
      <c r="BM203" s="192"/>
      <c r="BN203" s="193"/>
    </row>
    <row r="204" spans="4:66" s="239" customFormat="1" ht="19.5" customHeight="1">
      <c r="D204" s="210"/>
      <c r="E204" s="363"/>
      <c r="F204" s="363"/>
      <c r="G204" s="405"/>
      <c r="H204" s="405"/>
      <c r="I204" s="405"/>
      <c r="J204" s="405"/>
      <c r="K204" s="405"/>
      <c r="L204" s="405"/>
      <c r="M204" s="405"/>
      <c r="N204" s="405"/>
      <c r="O204" s="405"/>
      <c r="P204" s="405"/>
      <c r="Q204" s="405"/>
      <c r="R204" s="405"/>
      <c r="S204" s="214"/>
      <c r="T204" s="80"/>
      <c r="U204" s="196" t="s">
        <v>183</v>
      </c>
      <c r="V204" s="196"/>
      <c r="W204" s="196"/>
      <c r="X204" s="196"/>
      <c r="Y204" s="196"/>
      <c r="Z204" s="196"/>
      <c r="AA204" s="196"/>
      <c r="AB204" s="196"/>
      <c r="AC204" s="196"/>
      <c r="AD204" s="196"/>
      <c r="AE204" s="196"/>
      <c r="AF204" s="196"/>
      <c r="AG204" s="196"/>
      <c r="AH204" s="196"/>
      <c r="AI204" s="196"/>
      <c r="AJ204" s="196"/>
      <c r="AK204" s="196"/>
      <c r="AL204" s="196"/>
      <c r="AM204" s="196"/>
      <c r="AN204" s="196"/>
      <c r="AO204" s="196"/>
      <c r="AP204" s="196"/>
      <c r="AQ204" s="196"/>
      <c r="AR204" s="196"/>
      <c r="AS204" s="196"/>
      <c r="AT204" s="196"/>
      <c r="AU204" s="196"/>
      <c r="AV204" s="196"/>
      <c r="AW204" s="196"/>
      <c r="AX204" s="196"/>
      <c r="AY204" s="196"/>
      <c r="AZ204" s="196"/>
      <c r="BA204" s="196"/>
      <c r="BB204" s="196"/>
      <c r="BC204" s="196"/>
      <c r="BD204" s="196"/>
      <c r="BE204" s="196"/>
      <c r="BF204" s="196"/>
      <c r="BG204" s="196"/>
      <c r="BH204" s="196"/>
      <c r="BI204" s="196"/>
      <c r="BJ204" s="196"/>
      <c r="BK204" s="196"/>
      <c r="BL204" s="196"/>
      <c r="BM204" s="196"/>
      <c r="BN204" s="241"/>
    </row>
    <row r="205" spans="4:66" ht="20.100000000000001" customHeight="1">
      <c r="D205" s="72"/>
      <c r="E205" s="373" t="s">
        <v>399</v>
      </c>
      <c r="F205" s="373"/>
      <c r="G205" s="402" t="s">
        <v>294</v>
      </c>
      <c r="H205" s="402"/>
      <c r="I205" s="402"/>
      <c r="J205" s="402"/>
      <c r="K205" s="402"/>
      <c r="L205" s="402"/>
      <c r="M205" s="402"/>
      <c r="N205" s="402"/>
      <c r="O205" s="402"/>
      <c r="P205" s="402"/>
      <c r="Q205" s="402"/>
      <c r="R205" s="402"/>
      <c r="S205" s="403"/>
      <c r="T205" s="2" t="s">
        <v>130</v>
      </c>
      <c r="U205" s="249"/>
      <c r="V205" s="249"/>
      <c r="W205" s="249"/>
      <c r="X205" s="249"/>
      <c r="Y205" s="249"/>
      <c r="Z205" s="249"/>
      <c r="AA205" s="249"/>
      <c r="AB205" s="249"/>
      <c r="AC205" s="249"/>
      <c r="AD205" s="249"/>
      <c r="AE205" s="277"/>
      <c r="AF205" s="277"/>
      <c r="AG205" s="249" t="s">
        <v>4</v>
      </c>
      <c r="AH205" s="249"/>
      <c r="AI205" s="277"/>
      <c r="AJ205" s="277"/>
      <c r="AK205" s="249" t="s">
        <v>5</v>
      </c>
      <c r="AL205" s="249"/>
      <c r="AM205" s="277"/>
      <c r="AN205" s="277"/>
      <c r="AO205" s="277"/>
      <c r="AP205" s="277"/>
      <c r="AQ205" s="277"/>
      <c r="AR205" s="277"/>
      <c r="AS205" s="277"/>
      <c r="AT205" s="277"/>
      <c r="AU205" s="277"/>
      <c r="AV205" s="277"/>
      <c r="AW205" s="277"/>
      <c r="AX205" s="277"/>
      <c r="AY205" s="277"/>
      <c r="AZ205" s="249" t="s">
        <v>131</v>
      </c>
      <c r="BA205" s="249"/>
      <c r="BB205" s="249"/>
      <c r="BC205" s="249"/>
      <c r="BD205" s="249"/>
      <c r="BE205" s="249"/>
      <c r="BF205" s="277"/>
      <c r="BG205" s="277"/>
      <c r="BH205" s="249"/>
      <c r="BI205" s="192" t="s">
        <v>133</v>
      </c>
      <c r="BJ205" s="192"/>
      <c r="BK205" s="63"/>
      <c r="BL205" s="467" t="s">
        <v>132</v>
      </c>
      <c r="BM205" s="277"/>
      <c r="BN205" s="372"/>
    </row>
    <row r="206" spans="4:66" ht="20.100000000000001" customHeight="1">
      <c r="D206" s="40"/>
      <c r="E206" s="468"/>
      <c r="F206" s="468"/>
      <c r="G206" s="347"/>
      <c r="H206" s="347"/>
      <c r="I206" s="347"/>
      <c r="J206" s="347"/>
      <c r="K206" s="347"/>
      <c r="L206" s="347"/>
      <c r="M206" s="347"/>
      <c r="N206" s="347"/>
      <c r="O206" s="347"/>
      <c r="P206" s="347"/>
      <c r="Q206" s="347"/>
      <c r="R206" s="347"/>
      <c r="S206" s="421"/>
      <c r="T206" s="6" t="s">
        <v>134</v>
      </c>
      <c r="AE206" s="308"/>
      <c r="AF206" s="308"/>
      <c r="AG206" s="250" t="s">
        <v>4</v>
      </c>
      <c r="AI206" s="308"/>
      <c r="AJ206" s="308"/>
      <c r="AK206" s="250" t="s">
        <v>5</v>
      </c>
      <c r="AM206" s="308"/>
      <c r="AN206" s="308"/>
      <c r="AO206" s="308"/>
      <c r="AP206" s="308"/>
      <c r="AQ206" s="308"/>
      <c r="AR206" s="308"/>
      <c r="AS206" s="308"/>
      <c r="AT206" s="308"/>
      <c r="AU206" s="308"/>
      <c r="AV206" s="308"/>
      <c r="AW206" s="308"/>
      <c r="AX206" s="308"/>
      <c r="AY206" s="308"/>
      <c r="AZ206" s="250" t="s">
        <v>131</v>
      </c>
      <c r="BF206" s="308"/>
      <c r="BG206" s="308"/>
      <c r="BI206" s="239" t="s">
        <v>133</v>
      </c>
      <c r="BJ206" s="239"/>
      <c r="BK206" s="64"/>
      <c r="BL206" s="465"/>
      <c r="BM206" s="308"/>
      <c r="BN206" s="447"/>
    </row>
    <row r="207" spans="4:66" ht="20.100000000000001" customHeight="1">
      <c r="D207" s="29"/>
      <c r="E207" s="339"/>
      <c r="F207" s="339"/>
      <c r="G207" s="405"/>
      <c r="H207" s="405"/>
      <c r="I207" s="405"/>
      <c r="J207" s="405"/>
      <c r="K207" s="405"/>
      <c r="L207" s="405"/>
      <c r="M207" s="405"/>
      <c r="N207" s="405"/>
      <c r="O207" s="405"/>
      <c r="P207" s="405"/>
      <c r="Q207" s="405"/>
      <c r="R207" s="405"/>
      <c r="S207" s="406"/>
      <c r="T207" s="8" t="s">
        <v>134</v>
      </c>
      <c r="U207" s="251"/>
      <c r="V207" s="251"/>
      <c r="W207" s="251"/>
      <c r="X207" s="251"/>
      <c r="Y207" s="251"/>
      <c r="Z207" s="251"/>
      <c r="AA207" s="251"/>
      <c r="AB207" s="251"/>
      <c r="AC207" s="251"/>
      <c r="AD207" s="251"/>
      <c r="AE207" s="275"/>
      <c r="AF207" s="275"/>
      <c r="AG207" s="251" t="s">
        <v>4</v>
      </c>
      <c r="AH207" s="251"/>
      <c r="AI207" s="275"/>
      <c r="AJ207" s="275"/>
      <c r="AK207" s="251" t="s">
        <v>5</v>
      </c>
      <c r="AL207" s="251"/>
      <c r="AM207" s="251"/>
      <c r="AN207" s="251"/>
      <c r="AO207" s="251"/>
      <c r="AP207" s="251"/>
      <c r="AQ207" s="251"/>
      <c r="AR207" s="251"/>
      <c r="AS207" s="251"/>
      <c r="AT207" s="251"/>
      <c r="AU207" s="251"/>
      <c r="AV207" s="251"/>
      <c r="AW207" s="251"/>
      <c r="AX207" s="251"/>
      <c r="AY207" s="251"/>
      <c r="AZ207" s="251" t="s">
        <v>131</v>
      </c>
      <c r="BA207" s="251"/>
      <c r="BB207" s="251"/>
      <c r="BC207" s="251"/>
      <c r="BD207" s="251"/>
      <c r="BE207" s="251"/>
      <c r="BF207" s="275"/>
      <c r="BG207" s="275"/>
      <c r="BH207" s="251"/>
      <c r="BI207" s="196" t="s">
        <v>133</v>
      </c>
      <c r="BJ207" s="196"/>
      <c r="BK207" s="65"/>
      <c r="BL207" s="343"/>
      <c r="BM207" s="275"/>
      <c r="BN207" s="374"/>
    </row>
    <row r="208" spans="4:66" s="239" customFormat="1" ht="19.5" customHeight="1">
      <c r="D208" s="62" t="s">
        <v>115</v>
      </c>
      <c r="E208" s="86"/>
      <c r="F208" s="62" t="s">
        <v>422</v>
      </c>
      <c r="G208" s="33"/>
      <c r="H208" s="33"/>
      <c r="I208" s="33"/>
      <c r="J208" s="33"/>
      <c r="K208" s="33"/>
      <c r="L208" s="33"/>
      <c r="M208" s="33"/>
      <c r="N208" s="33"/>
      <c r="O208" s="33"/>
      <c r="P208" s="33"/>
      <c r="Q208" s="33"/>
      <c r="R208" s="33"/>
      <c r="S208" s="33"/>
      <c r="T208" s="188"/>
      <c r="U208" s="250"/>
      <c r="V208" s="188"/>
      <c r="W208" s="188"/>
      <c r="X208" s="188"/>
      <c r="Y208" s="188"/>
      <c r="Z208" s="188"/>
      <c r="AA208" s="188"/>
      <c r="AB208" s="188"/>
      <c r="AC208" s="188"/>
      <c r="AD208" s="188"/>
      <c r="AE208" s="188"/>
      <c r="AF208" s="188"/>
      <c r="AG208" s="188"/>
      <c r="AH208" s="188"/>
      <c r="AT208" s="235"/>
      <c r="AU208" s="235"/>
      <c r="AV208" s="235"/>
      <c r="AW208" s="235"/>
      <c r="AX208" s="235"/>
      <c r="AY208" s="235"/>
      <c r="AZ208" s="235"/>
      <c r="BA208" s="235"/>
      <c r="BB208" s="188"/>
      <c r="BC208" s="188"/>
      <c r="BD208" s="188"/>
      <c r="BE208" s="188"/>
      <c r="BF208" s="188"/>
      <c r="BG208" s="188"/>
      <c r="BH208" s="188"/>
      <c r="BL208" s="250"/>
      <c r="BM208" s="250"/>
      <c r="BN208" s="250"/>
    </row>
    <row r="209" spans="4:66" ht="17.25" customHeight="1">
      <c r="D209" s="62"/>
      <c r="E209" s="86"/>
      <c r="F209" s="62"/>
      <c r="G209" s="77"/>
      <c r="H209" s="231"/>
      <c r="I209" s="231"/>
      <c r="J209" s="231"/>
      <c r="K209" s="231"/>
      <c r="L209" s="231"/>
      <c r="M209" s="231"/>
      <c r="N209" s="231"/>
      <c r="O209" s="231"/>
      <c r="P209" s="231"/>
      <c r="Q209" s="231"/>
      <c r="R209" s="231"/>
      <c r="S209" s="231"/>
      <c r="T209" s="54"/>
      <c r="U209" s="62"/>
      <c r="V209" s="62"/>
      <c r="W209" s="62"/>
      <c r="X209" s="62"/>
      <c r="Y209" s="62"/>
      <c r="Z209" s="62"/>
      <c r="AA209" s="62"/>
      <c r="AB209" s="62"/>
      <c r="AC209" s="62"/>
      <c r="AD209" s="62"/>
      <c r="AE209" s="62"/>
      <c r="AF209" s="62"/>
      <c r="AG209" s="62"/>
      <c r="AH209" s="62"/>
      <c r="AI209" s="62"/>
      <c r="AJ209" s="62"/>
      <c r="AK209" s="62"/>
      <c r="AL209" s="62"/>
      <c r="AM209" s="62"/>
      <c r="AN209" s="62"/>
      <c r="AO209" s="62"/>
      <c r="AP209" s="62"/>
      <c r="AQ209" s="62"/>
      <c r="AR209" s="62"/>
      <c r="AS209" s="62"/>
      <c r="AT209" s="62"/>
      <c r="AU209" s="62"/>
      <c r="AV209" s="54"/>
      <c r="AW209" s="54"/>
      <c r="AX209" s="54"/>
      <c r="AY209" s="54"/>
      <c r="AZ209" s="54"/>
      <c r="BA209" s="119"/>
      <c r="BB209" s="119"/>
      <c r="BC209" s="188"/>
      <c r="BD209" s="188"/>
      <c r="BE209" s="188"/>
      <c r="BF209" s="188"/>
      <c r="BG209" s="188"/>
      <c r="BH209" s="188"/>
      <c r="BI209" s="188"/>
      <c r="BJ209" s="188"/>
      <c r="BK209" s="188"/>
      <c r="BL209" s="188"/>
      <c r="BM209" s="188"/>
      <c r="BN209" s="188"/>
    </row>
    <row r="210" spans="4:66" ht="24" customHeight="1">
      <c r="D210" s="67"/>
      <c r="E210" s="462" t="s">
        <v>400</v>
      </c>
      <c r="F210" s="462"/>
      <c r="G210" s="123" t="s">
        <v>283</v>
      </c>
      <c r="H210" s="123"/>
      <c r="I210" s="219"/>
      <c r="J210" s="219"/>
      <c r="K210" s="219"/>
      <c r="L210" s="219"/>
      <c r="M210" s="219"/>
      <c r="N210" s="219"/>
      <c r="O210" s="219"/>
      <c r="P210" s="219"/>
      <c r="Q210" s="219"/>
      <c r="R210" s="219"/>
      <c r="S210" s="220"/>
      <c r="T210" s="122"/>
      <c r="U210" s="123" t="s">
        <v>285</v>
      </c>
      <c r="V210" s="123"/>
      <c r="W210" s="123"/>
      <c r="X210" s="123"/>
      <c r="Y210" s="123"/>
      <c r="Z210" s="123"/>
      <c r="AA210" s="123"/>
      <c r="AB210" s="123"/>
      <c r="AC210" s="123"/>
      <c r="AD210" s="123"/>
      <c r="AE210" s="123"/>
      <c r="AF210" s="123"/>
      <c r="AG210" s="123"/>
      <c r="AH210" s="123"/>
      <c r="AI210" s="123"/>
      <c r="AJ210" s="123"/>
      <c r="AK210" s="123"/>
      <c r="AL210" s="123"/>
      <c r="AM210" s="123"/>
      <c r="AN210" s="123"/>
      <c r="AO210" s="123"/>
      <c r="AP210" s="123"/>
      <c r="AQ210" s="123"/>
      <c r="AR210" s="123"/>
      <c r="AS210" s="123"/>
      <c r="AT210" s="123"/>
      <c r="AU210" s="123"/>
      <c r="AV210" s="123"/>
      <c r="AW210" s="123"/>
      <c r="AX210" s="123"/>
      <c r="AY210" s="123"/>
      <c r="AZ210" s="123"/>
      <c r="BA210" s="123"/>
      <c r="BB210" s="123"/>
      <c r="BC210" s="123"/>
      <c r="BD210" s="123"/>
      <c r="BE210" s="123"/>
      <c r="BF210" s="123"/>
      <c r="BG210" s="123"/>
      <c r="BH210" s="123"/>
      <c r="BI210" s="463" t="s">
        <v>136</v>
      </c>
      <c r="BJ210" s="389"/>
      <c r="BK210" s="389"/>
      <c r="BL210" s="389"/>
      <c r="BM210" s="389"/>
      <c r="BN210" s="390"/>
    </row>
    <row r="211" spans="4:66" ht="23.25" customHeight="1">
      <c r="D211" s="262"/>
      <c r="E211" s="308" t="s">
        <v>401</v>
      </c>
      <c r="F211" s="308"/>
      <c r="G211" s="469" t="s">
        <v>284</v>
      </c>
      <c r="H211" s="469"/>
      <c r="I211" s="469"/>
      <c r="J211" s="469"/>
      <c r="K211" s="469"/>
      <c r="L211" s="469"/>
      <c r="M211" s="469"/>
      <c r="N211" s="469"/>
      <c r="O211" s="469"/>
      <c r="P211" s="469"/>
      <c r="Q211" s="469"/>
      <c r="R211" s="469"/>
      <c r="S211" s="470"/>
      <c r="T211" s="239"/>
      <c r="U211" s="54" t="s">
        <v>343</v>
      </c>
      <c r="V211" s="54"/>
      <c r="W211" s="54"/>
      <c r="X211" s="54"/>
      <c r="Y211" s="54"/>
      <c r="Z211" s="54"/>
      <c r="AA211" s="54"/>
      <c r="AB211" s="54"/>
      <c r="AC211" s="54"/>
      <c r="AD211" s="54"/>
      <c r="AE211" s="54"/>
      <c r="AF211" s="54"/>
      <c r="AG211" s="54"/>
      <c r="AH211" s="54"/>
      <c r="AI211" s="54"/>
      <c r="AJ211" s="54"/>
      <c r="AK211" s="54"/>
      <c r="AL211" s="54"/>
      <c r="AM211" s="54"/>
      <c r="AN211" s="54"/>
      <c r="AO211" s="54"/>
      <c r="AP211" s="54"/>
      <c r="AQ211" s="119"/>
      <c r="AR211" s="119"/>
      <c r="AS211" s="119"/>
      <c r="AT211" s="119"/>
      <c r="AU211" s="119"/>
      <c r="AV211" s="119"/>
      <c r="AW211" s="119"/>
      <c r="AX211" s="119"/>
      <c r="AY211" s="119"/>
      <c r="AZ211" s="54"/>
      <c r="BA211" s="54"/>
      <c r="BB211" s="54"/>
      <c r="BC211" s="119"/>
      <c r="BD211" s="119"/>
      <c r="BE211" s="119"/>
      <c r="BF211" s="119"/>
      <c r="BG211" s="54"/>
      <c r="BH211" s="54"/>
      <c r="BI211" s="54"/>
      <c r="BJ211" s="54"/>
      <c r="BL211" s="475"/>
      <c r="BM211" s="475"/>
      <c r="BN211" s="476"/>
    </row>
    <row r="212" spans="4:66" ht="23.25" customHeight="1">
      <c r="D212" s="262"/>
      <c r="E212" s="308"/>
      <c r="F212" s="308"/>
      <c r="G212" s="471"/>
      <c r="H212" s="471"/>
      <c r="I212" s="471"/>
      <c r="J212" s="471"/>
      <c r="K212" s="471"/>
      <c r="L212" s="471"/>
      <c r="M212" s="471"/>
      <c r="N212" s="471"/>
      <c r="O212" s="471"/>
      <c r="P212" s="471"/>
      <c r="Q212" s="471"/>
      <c r="R212" s="471"/>
      <c r="S212" s="472"/>
      <c r="T212" s="239"/>
      <c r="U212" s="54" t="s">
        <v>286</v>
      </c>
      <c r="V212" s="54"/>
      <c r="W212" s="54"/>
      <c r="X212" s="54"/>
      <c r="Y212" s="54"/>
      <c r="Z212" s="54"/>
      <c r="AA212" s="54"/>
      <c r="AB212" s="54"/>
      <c r="AC212" s="54"/>
      <c r="AD212" s="54"/>
      <c r="AE212" s="54"/>
      <c r="AF212" s="54"/>
      <c r="AG212" s="54"/>
      <c r="AH212" s="54"/>
      <c r="AI212" s="54"/>
      <c r="AJ212" s="54"/>
      <c r="AK212" s="54"/>
      <c r="AL212" s="54"/>
      <c r="AM212" s="54"/>
      <c r="AN212" s="54"/>
      <c r="AO212" s="54"/>
      <c r="AP212" s="54"/>
      <c r="AQ212" s="119"/>
      <c r="AR212" s="119"/>
      <c r="AS212" s="119"/>
      <c r="AT212" s="119"/>
      <c r="AU212" s="119"/>
      <c r="AV212" s="119"/>
      <c r="AW212" s="119"/>
      <c r="AX212" s="119"/>
      <c r="AY212" s="119"/>
      <c r="AZ212" s="54"/>
      <c r="BA212" s="54"/>
      <c r="BB212" s="54"/>
      <c r="BC212" s="119"/>
      <c r="BD212" s="119"/>
      <c r="BE212" s="119"/>
      <c r="BF212" s="119"/>
      <c r="BG212" s="54"/>
      <c r="BH212" s="54"/>
      <c r="BI212" s="477" t="s">
        <v>18</v>
      </c>
      <c r="BJ212" s="478"/>
      <c r="BK212" s="479"/>
      <c r="BL212" s="480" t="s">
        <v>22</v>
      </c>
      <c r="BM212" s="360"/>
      <c r="BN212" s="361"/>
    </row>
    <row r="213" spans="4:66" ht="33.75" customHeight="1">
      <c r="D213" s="262"/>
      <c r="E213" s="308"/>
      <c r="F213" s="308"/>
      <c r="G213" s="473"/>
      <c r="H213" s="473"/>
      <c r="I213" s="473"/>
      <c r="J213" s="473"/>
      <c r="K213" s="473"/>
      <c r="L213" s="473"/>
      <c r="M213" s="473"/>
      <c r="N213" s="473"/>
      <c r="O213" s="473"/>
      <c r="P213" s="473"/>
      <c r="Q213" s="473"/>
      <c r="R213" s="473"/>
      <c r="S213" s="474"/>
      <c r="T213" s="239"/>
      <c r="U213" s="481" t="s">
        <v>287</v>
      </c>
      <c r="V213" s="481"/>
      <c r="W213" s="481"/>
      <c r="X213" s="481"/>
      <c r="Y213" s="481"/>
      <c r="Z213" s="481"/>
      <c r="AA213" s="481"/>
      <c r="AB213" s="481"/>
      <c r="AC213" s="481"/>
      <c r="AD213" s="481"/>
      <c r="AE213" s="481"/>
      <c r="AF213" s="481"/>
      <c r="AG213" s="481"/>
      <c r="AH213" s="481"/>
      <c r="AI213" s="481"/>
      <c r="AJ213" s="481"/>
      <c r="AK213" s="481"/>
      <c r="AL213" s="481"/>
      <c r="AM213" s="481"/>
      <c r="AN213" s="481"/>
      <c r="AO213" s="481"/>
      <c r="AP213" s="481"/>
      <c r="AQ213" s="481"/>
      <c r="AR213" s="481"/>
      <c r="AS213" s="481"/>
      <c r="AT213" s="481"/>
      <c r="AU213" s="481"/>
      <c r="AV213" s="481"/>
      <c r="AW213" s="481"/>
      <c r="AX213" s="481"/>
      <c r="AY213" s="481"/>
      <c r="AZ213" s="481"/>
      <c r="BA213" s="481"/>
      <c r="BB213" s="481"/>
      <c r="BC213" s="481"/>
      <c r="BD213" s="481"/>
      <c r="BE213" s="481"/>
      <c r="BF213" s="481"/>
      <c r="BG213" s="481"/>
      <c r="BH213" s="257"/>
      <c r="BI213" s="482" t="s">
        <v>18</v>
      </c>
      <c r="BJ213" s="483"/>
      <c r="BK213" s="484"/>
      <c r="BL213" s="485" t="s">
        <v>22</v>
      </c>
      <c r="BM213" s="363"/>
      <c r="BN213" s="364"/>
    </row>
    <row r="214" spans="4:66" s="239" customFormat="1" ht="24.75" customHeight="1">
      <c r="D214" s="191"/>
      <c r="E214" s="277" t="s">
        <v>402</v>
      </c>
      <c r="F214" s="277"/>
      <c r="G214" s="317" t="s">
        <v>184</v>
      </c>
      <c r="H214" s="317"/>
      <c r="I214" s="317"/>
      <c r="J214" s="317"/>
      <c r="K214" s="317"/>
      <c r="L214" s="317"/>
      <c r="M214" s="317"/>
      <c r="N214" s="317"/>
      <c r="O214" s="317"/>
      <c r="P214" s="317"/>
      <c r="Q214" s="317"/>
      <c r="R214" s="317"/>
      <c r="S214" s="318"/>
      <c r="T214" s="191"/>
      <c r="U214" s="274" t="s">
        <v>185</v>
      </c>
      <c r="V214" s="274"/>
      <c r="W214" s="274"/>
      <c r="X214" s="274"/>
      <c r="Y214" s="274"/>
      <c r="Z214" s="274"/>
      <c r="AA214" s="274"/>
      <c r="AB214" s="274"/>
      <c r="AC214" s="274"/>
      <c r="AD214" s="274"/>
      <c r="AE214" s="274"/>
      <c r="AF214" s="274"/>
      <c r="AG214" s="274"/>
      <c r="AH214" s="274"/>
      <c r="AI214" s="274"/>
      <c r="AJ214" s="274"/>
      <c r="AK214" s="274"/>
      <c r="AL214" s="249"/>
      <c r="AM214" s="249"/>
      <c r="AN214" s="249"/>
      <c r="AO214" s="249"/>
      <c r="AP214" s="249"/>
      <c r="AQ214" s="249"/>
      <c r="AR214" s="249"/>
      <c r="AS214" s="249"/>
      <c r="AT214" s="249"/>
      <c r="AU214" s="249"/>
      <c r="AV214" s="249"/>
      <c r="AW214" s="192"/>
      <c r="AX214" s="192"/>
      <c r="AY214" s="192"/>
      <c r="AZ214" s="192"/>
      <c r="BA214" s="467" t="s">
        <v>18</v>
      </c>
      <c r="BB214" s="277"/>
      <c r="BC214" s="277"/>
      <c r="BD214" s="277"/>
      <c r="BE214" s="277"/>
      <c r="BF214" s="277"/>
      <c r="BG214" s="464"/>
      <c r="BH214" s="467" t="s">
        <v>22</v>
      </c>
      <c r="BI214" s="277"/>
      <c r="BJ214" s="277"/>
      <c r="BK214" s="277"/>
      <c r="BL214" s="277"/>
      <c r="BM214" s="277"/>
      <c r="BN214" s="372"/>
    </row>
    <row r="215" spans="4:66" s="239" customFormat="1" ht="24.75" customHeight="1">
      <c r="D215" s="262"/>
      <c r="E215" s="308"/>
      <c r="F215" s="308"/>
      <c r="G215" s="488"/>
      <c r="H215" s="488"/>
      <c r="I215" s="488"/>
      <c r="J215" s="488"/>
      <c r="K215" s="488"/>
      <c r="L215" s="488"/>
      <c r="M215" s="488"/>
      <c r="N215" s="488"/>
      <c r="O215" s="488"/>
      <c r="P215" s="488"/>
      <c r="Q215" s="488"/>
      <c r="R215" s="488"/>
      <c r="S215" s="489"/>
      <c r="T215" s="262"/>
      <c r="U215" s="309" t="s">
        <v>186</v>
      </c>
      <c r="V215" s="309"/>
      <c r="W215" s="309"/>
      <c r="X215" s="309"/>
      <c r="Y215" s="309"/>
      <c r="Z215" s="309"/>
      <c r="AA215" s="309"/>
      <c r="AB215" s="309"/>
      <c r="AC215" s="309"/>
      <c r="AD215" s="309"/>
      <c r="AE215" s="309"/>
      <c r="AF215" s="309"/>
      <c r="AG215" s="309"/>
      <c r="AH215" s="309"/>
      <c r="AI215" s="309"/>
      <c r="AJ215" s="309"/>
      <c r="AK215" s="309"/>
      <c r="BA215" s="465" t="s">
        <v>18</v>
      </c>
      <c r="BB215" s="308"/>
      <c r="BC215" s="308"/>
      <c r="BD215" s="308"/>
      <c r="BE215" s="308"/>
      <c r="BF215" s="308"/>
      <c r="BG215" s="466"/>
      <c r="BH215" s="465" t="s">
        <v>22</v>
      </c>
      <c r="BI215" s="308"/>
      <c r="BJ215" s="308"/>
      <c r="BK215" s="308"/>
      <c r="BL215" s="308"/>
      <c r="BM215" s="308"/>
      <c r="BN215" s="447"/>
    </row>
    <row r="216" spans="4:66" s="239" customFormat="1" ht="24.75" customHeight="1">
      <c r="D216" s="262"/>
      <c r="E216" s="308"/>
      <c r="F216" s="308"/>
      <c r="G216" s="488"/>
      <c r="H216" s="488"/>
      <c r="I216" s="488"/>
      <c r="J216" s="488"/>
      <c r="K216" s="488"/>
      <c r="L216" s="488"/>
      <c r="M216" s="488"/>
      <c r="N216" s="488"/>
      <c r="O216" s="488"/>
      <c r="P216" s="488"/>
      <c r="Q216" s="488"/>
      <c r="R216" s="488"/>
      <c r="S216" s="489"/>
      <c r="T216" s="262"/>
      <c r="U216" s="309" t="s">
        <v>187</v>
      </c>
      <c r="V216" s="309"/>
      <c r="W216" s="309"/>
      <c r="X216" s="309"/>
      <c r="Y216" s="309"/>
      <c r="Z216" s="309"/>
      <c r="AA216" s="309"/>
      <c r="AB216" s="309"/>
      <c r="AC216" s="309"/>
      <c r="AD216" s="309"/>
      <c r="AE216" s="309"/>
      <c r="AF216" s="309"/>
      <c r="AG216" s="309"/>
      <c r="AH216" s="309"/>
      <c r="AI216" s="309"/>
      <c r="AJ216" s="309"/>
      <c r="AK216" s="309"/>
      <c r="BA216" s="465" t="s">
        <v>18</v>
      </c>
      <c r="BB216" s="308"/>
      <c r="BC216" s="308"/>
      <c r="BD216" s="308"/>
      <c r="BE216" s="308"/>
      <c r="BF216" s="308"/>
      <c r="BG216" s="466"/>
      <c r="BH216" s="465" t="s">
        <v>22</v>
      </c>
      <c r="BI216" s="308"/>
      <c r="BJ216" s="308"/>
      <c r="BK216" s="308"/>
      <c r="BL216" s="308"/>
      <c r="BM216" s="308"/>
      <c r="BN216" s="447"/>
    </row>
    <row r="217" spans="4:66" s="239" customFormat="1" ht="24.75" customHeight="1">
      <c r="D217" s="80"/>
      <c r="E217" s="275"/>
      <c r="F217" s="275"/>
      <c r="G217" s="331"/>
      <c r="H217" s="331"/>
      <c r="I217" s="331"/>
      <c r="J217" s="331"/>
      <c r="K217" s="331"/>
      <c r="L217" s="331"/>
      <c r="M217" s="331"/>
      <c r="N217" s="331"/>
      <c r="O217" s="331"/>
      <c r="P217" s="331"/>
      <c r="Q217" s="331"/>
      <c r="R217" s="331"/>
      <c r="S217" s="490"/>
      <c r="T217" s="80"/>
      <c r="U217" s="276" t="s">
        <v>188</v>
      </c>
      <c r="V217" s="276"/>
      <c r="W217" s="276"/>
      <c r="X217" s="276"/>
      <c r="Y217" s="276"/>
      <c r="Z217" s="276"/>
      <c r="AA217" s="276"/>
      <c r="AB217" s="276"/>
      <c r="AC217" s="276"/>
      <c r="AD217" s="276"/>
      <c r="AE217" s="276"/>
      <c r="AF217" s="276"/>
      <c r="AG217" s="276"/>
      <c r="AH217" s="276"/>
      <c r="AI217" s="276"/>
      <c r="AJ217" s="276"/>
      <c r="AK217" s="276"/>
      <c r="AL217" s="196"/>
      <c r="AM217" s="196"/>
      <c r="AN217" s="196"/>
      <c r="AO217" s="196"/>
      <c r="AP217" s="196"/>
      <c r="AQ217" s="196"/>
      <c r="AR217" s="196"/>
      <c r="AS217" s="196"/>
      <c r="AT217" s="196"/>
      <c r="AU217" s="196"/>
      <c r="AV217" s="196"/>
      <c r="AW217" s="196"/>
      <c r="AX217" s="196"/>
      <c r="AY217" s="196"/>
      <c r="AZ217" s="196"/>
      <c r="BA217" s="343" t="s">
        <v>18</v>
      </c>
      <c r="BB217" s="275"/>
      <c r="BC217" s="275"/>
      <c r="BD217" s="275"/>
      <c r="BE217" s="275"/>
      <c r="BF217" s="275"/>
      <c r="BG217" s="330"/>
      <c r="BH217" s="343" t="s">
        <v>22</v>
      </c>
      <c r="BI217" s="275"/>
      <c r="BJ217" s="275"/>
      <c r="BK217" s="275"/>
      <c r="BL217" s="275"/>
      <c r="BM217" s="275"/>
      <c r="BN217" s="374"/>
    </row>
    <row r="218" spans="4:66" s="239" customFormat="1" ht="29.25" customHeight="1">
      <c r="D218" s="67"/>
      <c r="E218" s="462" t="s">
        <v>403</v>
      </c>
      <c r="F218" s="462"/>
      <c r="G218" s="486" t="s">
        <v>189</v>
      </c>
      <c r="H218" s="486"/>
      <c r="I218" s="486"/>
      <c r="J218" s="486"/>
      <c r="K218" s="486"/>
      <c r="L218" s="486"/>
      <c r="M218" s="486"/>
      <c r="N218" s="486"/>
      <c r="O218" s="486"/>
      <c r="P218" s="486"/>
      <c r="Q218" s="486"/>
      <c r="R218" s="486"/>
      <c r="S218" s="487"/>
      <c r="T218" s="122"/>
      <c r="U218" s="389" t="s">
        <v>135</v>
      </c>
      <c r="V218" s="389"/>
      <c r="W218" s="389"/>
      <c r="X218" s="389"/>
      <c r="Y218" s="389"/>
      <c r="Z218" s="389"/>
      <c r="AA218" s="123"/>
      <c r="AB218" s="123"/>
      <c r="AC218" s="123"/>
      <c r="AD218" s="123"/>
      <c r="AE218" s="123"/>
      <c r="AF218" s="389" t="s">
        <v>136</v>
      </c>
      <c r="AG218" s="389"/>
      <c r="AH218" s="389"/>
      <c r="AI218" s="389"/>
      <c r="AJ218" s="389"/>
      <c r="AK218" s="389"/>
      <c r="AL218" s="123"/>
      <c r="AM218" s="123"/>
      <c r="AN218" s="123"/>
      <c r="AO218" s="123"/>
      <c r="AP218" s="123"/>
      <c r="AQ218" s="123"/>
      <c r="AR218" s="123"/>
      <c r="AS218" s="123"/>
      <c r="AT218" s="123"/>
      <c r="AU218" s="123"/>
      <c r="AV218" s="123"/>
      <c r="AW218" s="123"/>
      <c r="AX218" s="123"/>
      <c r="AY218" s="123"/>
      <c r="AZ218" s="123"/>
      <c r="BA218" s="123"/>
      <c r="BB218" s="123"/>
      <c r="BC218" s="123"/>
      <c r="BD218" s="123"/>
      <c r="BE218" s="123"/>
      <c r="BF218" s="123"/>
      <c r="BG218" s="123"/>
      <c r="BH218" s="123"/>
      <c r="BI218" s="38"/>
      <c r="BJ218" s="38"/>
      <c r="BK218" s="38"/>
      <c r="BL218" s="38"/>
      <c r="BM218" s="38"/>
      <c r="BN218" s="39"/>
    </row>
    <row r="219" spans="4:66" s="239" customFormat="1" ht="24" customHeight="1">
      <c r="D219" s="191"/>
      <c r="E219" s="357" t="s">
        <v>423</v>
      </c>
      <c r="F219" s="358"/>
      <c r="G219" s="491" t="s">
        <v>190</v>
      </c>
      <c r="H219" s="492"/>
      <c r="I219" s="492"/>
      <c r="J219" s="492"/>
      <c r="K219" s="492"/>
      <c r="L219" s="492"/>
      <c r="M219" s="492"/>
      <c r="N219" s="492"/>
      <c r="O219" s="492"/>
      <c r="P219" s="492"/>
      <c r="Q219" s="492"/>
      <c r="R219" s="492"/>
      <c r="S219" s="493"/>
      <c r="T219" s="388"/>
      <c r="U219" s="389"/>
      <c r="V219" s="389"/>
      <c r="W219" s="389"/>
      <c r="X219" s="389"/>
      <c r="Y219" s="389"/>
      <c r="Z219" s="389"/>
      <c r="AA219" s="389"/>
      <c r="AB219" s="389"/>
      <c r="AC219" s="389"/>
      <c r="AD219" s="389"/>
      <c r="AE219" s="389"/>
      <c r="AF219" s="389"/>
      <c r="AG219" s="389"/>
      <c r="AH219" s="389"/>
      <c r="AI219" s="389"/>
      <c r="AJ219" s="390"/>
      <c r="AK219" s="491" t="s">
        <v>194</v>
      </c>
      <c r="AL219" s="492"/>
      <c r="AM219" s="492"/>
      <c r="AN219" s="492"/>
      <c r="AO219" s="492"/>
      <c r="AP219" s="492"/>
      <c r="AQ219" s="492"/>
      <c r="AR219" s="492"/>
      <c r="AS219" s="492"/>
      <c r="AT219" s="492"/>
      <c r="AU219" s="492"/>
      <c r="AV219" s="492"/>
      <c r="AW219" s="493"/>
      <c r="AX219" s="388"/>
      <c r="AY219" s="389"/>
      <c r="AZ219" s="389"/>
      <c r="BA219" s="389"/>
      <c r="BB219" s="389"/>
      <c r="BC219" s="389"/>
      <c r="BD219" s="389"/>
      <c r="BE219" s="389"/>
      <c r="BF219" s="389"/>
      <c r="BG219" s="389"/>
      <c r="BH219" s="389"/>
      <c r="BI219" s="389"/>
      <c r="BJ219" s="389"/>
      <c r="BK219" s="389"/>
      <c r="BL219" s="389"/>
      <c r="BM219" s="389"/>
      <c r="BN219" s="390"/>
    </row>
    <row r="220" spans="4:66" s="239" customFormat="1" ht="24" customHeight="1">
      <c r="D220" s="262"/>
      <c r="E220" s="360"/>
      <c r="F220" s="361"/>
      <c r="G220" s="491" t="s">
        <v>191</v>
      </c>
      <c r="H220" s="492"/>
      <c r="I220" s="492"/>
      <c r="J220" s="492"/>
      <c r="K220" s="492"/>
      <c r="L220" s="492"/>
      <c r="M220" s="492"/>
      <c r="N220" s="492"/>
      <c r="O220" s="492"/>
      <c r="P220" s="492"/>
      <c r="Q220" s="492"/>
      <c r="R220" s="492"/>
      <c r="S220" s="493"/>
      <c r="T220" s="388"/>
      <c r="U220" s="389"/>
      <c r="V220" s="389"/>
      <c r="W220" s="389"/>
      <c r="X220" s="389"/>
      <c r="Y220" s="389"/>
      <c r="Z220" s="389"/>
      <c r="AA220" s="389"/>
      <c r="AB220" s="389"/>
      <c r="AC220" s="389"/>
      <c r="AD220" s="389"/>
      <c r="AE220" s="389"/>
      <c r="AF220" s="389"/>
      <c r="AG220" s="389"/>
      <c r="AH220" s="389"/>
      <c r="AI220" s="389"/>
      <c r="AJ220" s="390"/>
      <c r="AK220" s="491" t="s">
        <v>195</v>
      </c>
      <c r="AL220" s="492"/>
      <c r="AM220" s="492"/>
      <c r="AN220" s="492"/>
      <c r="AO220" s="492"/>
      <c r="AP220" s="492"/>
      <c r="AQ220" s="492"/>
      <c r="AR220" s="492"/>
      <c r="AS220" s="492"/>
      <c r="AT220" s="492"/>
      <c r="AU220" s="492"/>
      <c r="AV220" s="492"/>
      <c r="AW220" s="493"/>
      <c r="AX220" s="388"/>
      <c r="AY220" s="389"/>
      <c r="AZ220" s="389"/>
      <c r="BA220" s="389"/>
      <c r="BB220" s="389"/>
      <c r="BC220" s="389"/>
      <c r="BD220" s="389"/>
      <c r="BE220" s="389"/>
      <c r="BF220" s="389"/>
      <c r="BG220" s="389"/>
      <c r="BH220" s="389"/>
      <c r="BI220" s="389"/>
      <c r="BJ220" s="389"/>
      <c r="BK220" s="389"/>
      <c r="BL220" s="389"/>
      <c r="BM220" s="389"/>
      <c r="BN220" s="390"/>
    </row>
    <row r="221" spans="4:66" s="239" customFormat="1" ht="24" customHeight="1">
      <c r="D221" s="262"/>
      <c r="E221" s="360"/>
      <c r="F221" s="361"/>
      <c r="G221" s="491" t="s">
        <v>192</v>
      </c>
      <c r="H221" s="492"/>
      <c r="I221" s="492"/>
      <c r="J221" s="492"/>
      <c r="K221" s="492"/>
      <c r="L221" s="492"/>
      <c r="M221" s="492"/>
      <c r="N221" s="492"/>
      <c r="O221" s="492"/>
      <c r="P221" s="492"/>
      <c r="Q221" s="492"/>
      <c r="R221" s="492"/>
      <c r="S221" s="493"/>
      <c r="T221" s="388"/>
      <c r="U221" s="389"/>
      <c r="V221" s="389"/>
      <c r="W221" s="389"/>
      <c r="X221" s="389"/>
      <c r="Y221" s="389"/>
      <c r="Z221" s="389"/>
      <c r="AA221" s="389"/>
      <c r="AB221" s="389"/>
      <c r="AC221" s="389"/>
      <c r="AD221" s="389"/>
      <c r="AE221" s="389"/>
      <c r="AF221" s="389"/>
      <c r="AG221" s="389"/>
      <c r="AH221" s="389"/>
      <c r="AI221" s="389"/>
      <c r="AJ221" s="390"/>
      <c r="AK221" s="491" t="s">
        <v>196</v>
      </c>
      <c r="AL221" s="492"/>
      <c r="AM221" s="492"/>
      <c r="AN221" s="492"/>
      <c r="AO221" s="492"/>
      <c r="AP221" s="492"/>
      <c r="AQ221" s="492"/>
      <c r="AR221" s="492"/>
      <c r="AS221" s="492"/>
      <c r="AT221" s="492"/>
      <c r="AU221" s="492"/>
      <c r="AV221" s="492"/>
      <c r="AW221" s="493"/>
      <c r="AX221" s="388"/>
      <c r="AY221" s="389"/>
      <c r="AZ221" s="389"/>
      <c r="BA221" s="389"/>
      <c r="BB221" s="389"/>
      <c r="BC221" s="389"/>
      <c r="BD221" s="389"/>
      <c r="BE221" s="389"/>
      <c r="BF221" s="389"/>
      <c r="BG221" s="389"/>
      <c r="BH221" s="389"/>
      <c r="BI221" s="389"/>
      <c r="BJ221" s="389"/>
      <c r="BK221" s="389"/>
      <c r="BL221" s="389"/>
      <c r="BM221" s="389"/>
      <c r="BN221" s="390"/>
    </row>
    <row r="222" spans="4:66" s="239" customFormat="1" ht="24" customHeight="1">
      <c r="D222" s="80"/>
      <c r="E222" s="363"/>
      <c r="F222" s="364"/>
      <c r="G222" s="491" t="s">
        <v>193</v>
      </c>
      <c r="H222" s="492"/>
      <c r="I222" s="492"/>
      <c r="J222" s="492"/>
      <c r="K222" s="492"/>
      <c r="L222" s="492"/>
      <c r="M222" s="492"/>
      <c r="N222" s="492"/>
      <c r="O222" s="492"/>
      <c r="P222" s="492"/>
      <c r="Q222" s="492"/>
      <c r="R222" s="492"/>
      <c r="S222" s="493"/>
      <c r="T222" s="388"/>
      <c r="U222" s="389"/>
      <c r="V222" s="389"/>
      <c r="W222" s="389"/>
      <c r="X222" s="389"/>
      <c r="Y222" s="389"/>
      <c r="Z222" s="389"/>
      <c r="AA222" s="389"/>
      <c r="AB222" s="389"/>
      <c r="AC222" s="389"/>
      <c r="AD222" s="389"/>
      <c r="AE222" s="389"/>
      <c r="AF222" s="389"/>
      <c r="AG222" s="389"/>
      <c r="AH222" s="389"/>
      <c r="AI222" s="389"/>
      <c r="AJ222" s="390"/>
      <c r="AK222" s="491" t="s">
        <v>197</v>
      </c>
      <c r="AL222" s="492"/>
      <c r="AM222" s="492"/>
      <c r="AN222" s="492"/>
      <c r="AO222" s="492"/>
      <c r="AP222" s="492"/>
      <c r="AQ222" s="492"/>
      <c r="AR222" s="492"/>
      <c r="AS222" s="492"/>
      <c r="AT222" s="492"/>
      <c r="AU222" s="492"/>
      <c r="AV222" s="492"/>
      <c r="AW222" s="493"/>
      <c r="AX222" s="388"/>
      <c r="AY222" s="389"/>
      <c r="AZ222" s="389"/>
      <c r="BA222" s="389"/>
      <c r="BB222" s="389"/>
      <c r="BC222" s="389"/>
      <c r="BD222" s="389"/>
      <c r="BE222" s="389"/>
      <c r="BF222" s="389"/>
      <c r="BG222" s="389"/>
      <c r="BH222" s="389"/>
      <c r="BI222" s="389"/>
      <c r="BJ222" s="389"/>
      <c r="BK222" s="389"/>
      <c r="BL222" s="389"/>
      <c r="BM222" s="389"/>
      <c r="BN222" s="390"/>
    </row>
    <row r="223" spans="4:66" s="239" customFormat="1" ht="36" customHeight="1">
      <c r="D223" s="191"/>
      <c r="E223" s="357" t="s">
        <v>408</v>
      </c>
      <c r="F223" s="358"/>
      <c r="G223" s="499" t="s">
        <v>198</v>
      </c>
      <c r="H223" s="500"/>
      <c r="I223" s="500"/>
      <c r="J223" s="500"/>
      <c r="K223" s="500"/>
      <c r="L223" s="500"/>
      <c r="M223" s="500"/>
      <c r="N223" s="500"/>
      <c r="O223" s="501"/>
      <c r="P223" s="499" t="s">
        <v>279</v>
      </c>
      <c r="Q223" s="500"/>
      <c r="R223" s="500"/>
      <c r="S223" s="501"/>
      <c r="T223" s="122"/>
      <c r="U223" s="508" t="s">
        <v>366</v>
      </c>
      <c r="V223" s="508"/>
      <c r="W223" s="508"/>
      <c r="X223" s="508"/>
      <c r="Y223" s="508"/>
      <c r="Z223" s="508"/>
      <c r="AA223" s="508"/>
      <c r="AB223" s="508"/>
      <c r="AC223" s="508"/>
      <c r="AD223" s="508"/>
      <c r="AE223" s="508"/>
      <c r="AF223" s="508"/>
      <c r="AG223" s="508"/>
      <c r="AH223" s="508"/>
      <c r="AI223" s="508"/>
      <c r="AJ223" s="508"/>
      <c r="AK223" s="508"/>
      <c r="AL223" s="508"/>
      <c r="AM223" s="508"/>
      <c r="AN223" s="508"/>
      <c r="AO223" s="508"/>
      <c r="AP223" s="508"/>
      <c r="AQ223" s="508"/>
      <c r="AR223" s="508"/>
      <c r="AS223" s="508"/>
      <c r="AT223" s="508"/>
      <c r="AU223" s="508"/>
      <c r="AV223" s="508"/>
      <c r="AW223" s="508"/>
      <c r="AX223" s="508"/>
      <c r="AY223" s="508"/>
      <c r="AZ223" s="508"/>
      <c r="BA223" s="508"/>
      <c r="BB223" s="509"/>
      <c r="BC223" s="152" t="s">
        <v>282</v>
      </c>
      <c r="BD223" s="38"/>
      <c r="BE223" s="38"/>
      <c r="BF223" s="38"/>
      <c r="BG223" s="38"/>
      <c r="BH223" s="38"/>
      <c r="BI223" s="38"/>
      <c r="BJ223" s="38"/>
      <c r="BK223" s="38"/>
      <c r="BL223" s="38"/>
      <c r="BM223" s="38"/>
      <c r="BN223" s="39"/>
    </row>
    <row r="224" spans="4:66" s="239" customFormat="1" ht="36" customHeight="1">
      <c r="D224" s="262"/>
      <c r="E224" s="360"/>
      <c r="F224" s="361"/>
      <c r="G224" s="502"/>
      <c r="H224" s="503"/>
      <c r="I224" s="503"/>
      <c r="J224" s="503"/>
      <c r="K224" s="503"/>
      <c r="L224" s="503"/>
      <c r="M224" s="503"/>
      <c r="N224" s="503"/>
      <c r="O224" s="504"/>
      <c r="P224" s="499" t="s">
        <v>280</v>
      </c>
      <c r="Q224" s="500"/>
      <c r="R224" s="500"/>
      <c r="S224" s="501"/>
      <c r="T224" s="122"/>
      <c r="U224" s="508" t="s">
        <v>366</v>
      </c>
      <c r="V224" s="508"/>
      <c r="W224" s="508"/>
      <c r="X224" s="508"/>
      <c r="Y224" s="508"/>
      <c r="Z224" s="508"/>
      <c r="AA224" s="508"/>
      <c r="AB224" s="508"/>
      <c r="AC224" s="508"/>
      <c r="AD224" s="508"/>
      <c r="AE224" s="508"/>
      <c r="AF224" s="508"/>
      <c r="AG224" s="508"/>
      <c r="AH224" s="508"/>
      <c r="AI224" s="508"/>
      <c r="AJ224" s="508"/>
      <c r="AK224" s="508"/>
      <c r="AL224" s="508"/>
      <c r="AM224" s="508"/>
      <c r="AN224" s="508"/>
      <c r="AO224" s="508"/>
      <c r="AP224" s="508"/>
      <c r="AQ224" s="508"/>
      <c r="AR224" s="508"/>
      <c r="AS224" s="508"/>
      <c r="AT224" s="508"/>
      <c r="AU224" s="508"/>
      <c r="AV224" s="508"/>
      <c r="AW224" s="508"/>
      <c r="AX224" s="508"/>
      <c r="AY224" s="508"/>
      <c r="AZ224" s="508"/>
      <c r="BA224" s="508"/>
      <c r="BB224" s="509"/>
      <c r="BC224" s="152" t="s">
        <v>282</v>
      </c>
      <c r="BD224" s="38"/>
      <c r="BE224" s="38"/>
      <c r="BF224" s="38"/>
      <c r="BG224" s="38"/>
      <c r="BH224" s="38"/>
      <c r="BI224" s="38"/>
      <c r="BJ224" s="38"/>
      <c r="BK224" s="38"/>
      <c r="BL224" s="38"/>
      <c r="BM224" s="38"/>
      <c r="BN224" s="39"/>
    </row>
    <row r="225" spans="4:66" s="239" customFormat="1" ht="36" customHeight="1">
      <c r="D225" s="262"/>
      <c r="E225" s="360"/>
      <c r="F225" s="361"/>
      <c r="G225" s="505"/>
      <c r="H225" s="506"/>
      <c r="I225" s="506"/>
      <c r="J225" s="506"/>
      <c r="K225" s="506"/>
      <c r="L225" s="506"/>
      <c r="M225" s="506"/>
      <c r="N225" s="506"/>
      <c r="O225" s="507"/>
      <c r="P225" s="422" t="s">
        <v>281</v>
      </c>
      <c r="Q225" s="423"/>
      <c r="R225" s="423"/>
      <c r="S225" s="442"/>
      <c r="T225" s="122"/>
      <c r="U225" s="508" t="s">
        <v>366</v>
      </c>
      <c r="V225" s="508"/>
      <c r="W225" s="508"/>
      <c r="X225" s="508"/>
      <c r="Y225" s="508"/>
      <c r="Z225" s="508"/>
      <c r="AA225" s="508"/>
      <c r="AB225" s="508"/>
      <c r="AC225" s="508"/>
      <c r="AD225" s="508"/>
      <c r="AE225" s="508"/>
      <c r="AF225" s="508"/>
      <c r="AG225" s="508"/>
      <c r="AH225" s="508"/>
      <c r="AI225" s="508"/>
      <c r="AJ225" s="508"/>
      <c r="AK225" s="508"/>
      <c r="AL225" s="508"/>
      <c r="AM225" s="508"/>
      <c r="AN225" s="508"/>
      <c r="AO225" s="508"/>
      <c r="AP225" s="508"/>
      <c r="AQ225" s="508"/>
      <c r="AR225" s="508"/>
      <c r="AS225" s="508"/>
      <c r="AT225" s="508"/>
      <c r="AU225" s="508"/>
      <c r="AV225" s="508"/>
      <c r="AW225" s="508"/>
      <c r="AX225" s="508"/>
      <c r="AY225" s="508"/>
      <c r="AZ225" s="508"/>
      <c r="BA225" s="508"/>
      <c r="BB225" s="509"/>
      <c r="BC225" s="152" t="s">
        <v>282</v>
      </c>
      <c r="BD225" s="38"/>
      <c r="BE225" s="38"/>
      <c r="BF225" s="38"/>
      <c r="BG225" s="38"/>
      <c r="BH225" s="38"/>
      <c r="BI225" s="38"/>
      <c r="BJ225" s="38"/>
      <c r="BK225" s="38"/>
      <c r="BL225" s="38"/>
      <c r="BM225" s="38"/>
      <c r="BN225" s="39"/>
    </row>
    <row r="226" spans="4:66" s="239" customFormat="1" ht="24" customHeight="1">
      <c r="D226" s="262"/>
      <c r="E226" s="360"/>
      <c r="F226" s="361"/>
      <c r="G226" s="510" t="s">
        <v>199</v>
      </c>
      <c r="H226" s="511"/>
      <c r="I226" s="511"/>
      <c r="J226" s="511"/>
      <c r="K226" s="511"/>
      <c r="L226" s="511"/>
      <c r="M226" s="511"/>
      <c r="N226" s="511"/>
      <c r="O226" s="511"/>
      <c r="P226" s="511"/>
      <c r="Q226" s="511"/>
      <c r="R226" s="511"/>
      <c r="S226" s="512"/>
      <c r="T226" s="191"/>
      <c r="U226" s="192" t="s">
        <v>303</v>
      </c>
      <c r="V226" s="192"/>
      <c r="W226" s="192"/>
      <c r="X226" s="192"/>
      <c r="Y226" s="192"/>
      <c r="Z226" s="192"/>
      <c r="AA226" s="192"/>
      <c r="AB226" s="192"/>
      <c r="AC226" s="192"/>
      <c r="AD226" s="192"/>
      <c r="AE226" s="192"/>
      <c r="AF226" s="192"/>
      <c r="AG226" s="192"/>
      <c r="AH226" s="192"/>
      <c r="AI226" s="192"/>
      <c r="AJ226" s="192"/>
      <c r="AK226" s="192"/>
      <c r="AL226" s="192"/>
      <c r="AM226" s="192"/>
      <c r="AN226" s="192"/>
      <c r="AO226" s="192"/>
      <c r="AP226" s="192"/>
      <c r="AQ226" s="83"/>
      <c r="AR226" s="192"/>
      <c r="AS226" s="192"/>
      <c r="AT226" s="192"/>
      <c r="AU226" s="192"/>
      <c r="AV226" s="192"/>
      <c r="AW226" s="192"/>
      <c r="AX226" s="192"/>
      <c r="AY226" s="192"/>
      <c r="AZ226" s="192"/>
      <c r="BA226" s="192"/>
      <c r="BB226" s="192"/>
      <c r="BC226" s="192"/>
      <c r="BD226" s="192"/>
      <c r="BE226" s="192"/>
      <c r="BF226" s="192"/>
      <c r="BG226" s="192"/>
      <c r="BH226" s="192"/>
      <c r="BI226" s="192"/>
      <c r="BJ226" s="192"/>
      <c r="BK226" s="192"/>
      <c r="BL226" s="249"/>
      <c r="BM226" s="249"/>
      <c r="BN226" s="3"/>
    </row>
    <row r="227" spans="4:66" s="239" customFormat="1" ht="24" customHeight="1">
      <c r="D227" s="262"/>
      <c r="E227" s="360"/>
      <c r="F227" s="361"/>
      <c r="G227" s="513"/>
      <c r="H227" s="514"/>
      <c r="I227" s="514"/>
      <c r="J227" s="514"/>
      <c r="K227" s="514"/>
      <c r="L227" s="514"/>
      <c r="M227" s="514"/>
      <c r="N227" s="514"/>
      <c r="O227" s="514"/>
      <c r="P227" s="514"/>
      <c r="Q227" s="514"/>
      <c r="R227" s="514"/>
      <c r="S227" s="515"/>
      <c r="T227" s="80"/>
      <c r="U227" s="196" t="s">
        <v>301</v>
      </c>
      <c r="V227" s="196"/>
      <c r="W227" s="196"/>
      <c r="X227" s="196"/>
      <c r="Y227" s="196"/>
      <c r="Z227" s="196"/>
      <c r="AA227" s="196"/>
      <c r="AB227" s="196"/>
      <c r="AC227" s="196"/>
      <c r="AD227" s="196"/>
      <c r="AE227" s="196"/>
      <c r="AF227" s="196"/>
      <c r="AG227" s="196"/>
      <c r="AH227" s="196"/>
      <c r="AI227" s="196"/>
      <c r="AJ227" s="196"/>
      <c r="AK227" s="196"/>
      <c r="AL227" s="196"/>
      <c r="AM227" s="196"/>
      <c r="AN227" s="196"/>
      <c r="AO227" s="196"/>
      <c r="AP227" s="196"/>
      <c r="AQ227" s="84"/>
      <c r="AR227" s="196" t="s">
        <v>302</v>
      </c>
      <c r="AS227" s="196"/>
      <c r="AT227" s="196"/>
      <c r="AU227" s="196"/>
      <c r="AV227" s="196"/>
      <c r="AW227" s="196"/>
      <c r="AX227" s="196"/>
      <c r="AY227" s="196"/>
      <c r="AZ227" s="196"/>
      <c r="BA227" s="196"/>
      <c r="BB227" s="196"/>
      <c r="BC227" s="196"/>
      <c r="BD227" s="196"/>
      <c r="BE227" s="196"/>
      <c r="BF227" s="196"/>
      <c r="BG227" s="196"/>
      <c r="BH227" s="196"/>
      <c r="BI227" s="196"/>
      <c r="BJ227" s="196"/>
      <c r="BK227" s="196"/>
      <c r="BL227" s="251"/>
      <c r="BM227" s="251"/>
      <c r="BN227" s="9"/>
    </row>
    <row r="228" spans="4:66" s="239" customFormat="1" ht="24" customHeight="1">
      <c r="D228" s="262"/>
      <c r="E228" s="360"/>
      <c r="F228" s="361"/>
      <c r="G228" s="494" t="s">
        <v>200</v>
      </c>
      <c r="H228" s="495"/>
      <c r="I228" s="495"/>
      <c r="J228" s="495"/>
      <c r="K228" s="495"/>
      <c r="L228" s="495"/>
      <c r="M228" s="495"/>
      <c r="N228" s="495"/>
      <c r="O228" s="495"/>
      <c r="P228" s="495"/>
      <c r="Q228" s="495"/>
      <c r="R228" s="495"/>
      <c r="S228" s="496"/>
      <c r="T228" s="122"/>
      <c r="U228" s="123" t="s">
        <v>202</v>
      </c>
      <c r="V228" s="123"/>
      <c r="W228" s="123"/>
      <c r="X228" s="123"/>
      <c r="Y228" s="123"/>
      <c r="Z228" s="123"/>
      <c r="AA228" s="123"/>
      <c r="AB228" s="123"/>
      <c r="AC228" s="123"/>
      <c r="AD228" s="123"/>
      <c r="AE228" s="123"/>
      <c r="AF228" s="123"/>
      <c r="AG228" s="123"/>
      <c r="AH228" s="123"/>
      <c r="AI228" s="123"/>
      <c r="AJ228" s="123"/>
      <c r="AK228" s="123"/>
      <c r="AL228" s="123"/>
      <c r="AM228" s="123"/>
      <c r="AN228" s="123"/>
      <c r="AO228" s="123"/>
      <c r="AP228" s="123"/>
      <c r="AQ228" s="123"/>
      <c r="AR228" s="123"/>
      <c r="AS228" s="123"/>
      <c r="AT228" s="123"/>
      <c r="AU228" s="123"/>
      <c r="AV228" s="123"/>
      <c r="AW228" s="123"/>
      <c r="AX228" s="123"/>
      <c r="AY228" s="123"/>
      <c r="AZ228" s="123"/>
      <c r="BA228" s="123"/>
      <c r="BB228" s="123"/>
      <c r="BC228" s="123"/>
      <c r="BD228" s="123"/>
      <c r="BE228" s="123"/>
      <c r="BF228" s="123"/>
      <c r="BG228" s="123"/>
      <c r="BH228" s="123"/>
      <c r="BI228" s="123"/>
      <c r="BJ228" s="123"/>
      <c r="BK228" s="123"/>
      <c r="BL228" s="343" t="s">
        <v>132</v>
      </c>
      <c r="BM228" s="275"/>
      <c r="BN228" s="374"/>
    </row>
    <row r="229" spans="4:66" s="239" customFormat="1" ht="24" customHeight="1">
      <c r="D229" s="80"/>
      <c r="E229" s="363"/>
      <c r="F229" s="364"/>
      <c r="G229" s="494" t="s">
        <v>201</v>
      </c>
      <c r="H229" s="495"/>
      <c r="I229" s="495"/>
      <c r="J229" s="495"/>
      <c r="K229" s="495"/>
      <c r="L229" s="495"/>
      <c r="M229" s="495"/>
      <c r="N229" s="495"/>
      <c r="O229" s="495"/>
      <c r="P229" s="495"/>
      <c r="Q229" s="495"/>
      <c r="R229" s="495"/>
      <c r="S229" s="496"/>
      <c r="T229" s="122"/>
      <c r="U229" s="123" t="s">
        <v>203</v>
      </c>
      <c r="V229" s="123"/>
      <c r="W229" s="123"/>
      <c r="X229" s="123"/>
      <c r="Y229" s="123"/>
      <c r="Z229" s="123"/>
      <c r="AA229" s="123"/>
      <c r="AB229" s="123"/>
      <c r="AC229" s="123"/>
      <c r="AD229" s="123"/>
      <c r="AE229" s="123"/>
      <c r="AF229" s="123"/>
      <c r="AG229" s="123"/>
      <c r="AH229" s="123"/>
      <c r="AI229" s="123"/>
      <c r="AJ229" s="123"/>
      <c r="AK229" s="123"/>
      <c r="AL229" s="123"/>
      <c r="AM229" s="123"/>
      <c r="AN229" s="123"/>
      <c r="AO229" s="123"/>
      <c r="AP229" s="123"/>
      <c r="AQ229" s="123"/>
      <c r="AR229" s="123"/>
      <c r="AS229" s="123"/>
      <c r="AT229" s="123"/>
      <c r="AU229" s="123"/>
      <c r="AV229" s="123"/>
      <c r="AW229" s="123"/>
      <c r="AX229" s="123"/>
      <c r="AY229" s="123"/>
      <c r="AZ229" s="123"/>
      <c r="BA229" s="123"/>
      <c r="BB229" s="123"/>
      <c r="BC229" s="123"/>
      <c r="BD229" s="123"/>
      <c r="BE229" s="123"/>
      <c r="BF229" s="123"/>
      <c r="BG229" s="123"/>
      <c r="BH229" s="123"/>
      <c r="BI229" s="123"/>
      <c r="BJ229" s="123"/>
      <c r="BK229" s="123"/>
      <c r="BL229" s="123"/>
      <c r="BM229" s="123"/>
      <c r="BN229" s="124"/>
    </row>
    <row r="230" spans="4:66" s="239" customFormat="1" ht="24" customHeight="1">
      <c r="D230" s="67"/>
      <c r="E230" s="389" t="s">
        <v>409</v>
      </c>
      <c r="F230" s="389"/>
      <c r="G230" s="497" t="s">
        <v>204</v>
      </c>
      <c r="H230" s="497"/>
      <c r="I230" s="497"/>
      <c r="J230" s="497"/>
      <c r="K230" s="497"/>
      <c r="L230" s="497"/>
      <c r="M230" s="497"/>
      <c r="N230" s="497"/>
      <c r="O230" s="497"/>
      <c r="P230" s="497"/>
      <c r="Q230" s="497"/>
      <c r="R230" s="497"/>
      <c r="S230" s="498"/>
      <c r="T230" s="218"/>
      <c r="U230" s="38" t="s">
        <v>206</v>
      </c>
      <c r="V230" s="219"/>
      <c r="W230" s="219"/>
      <c r="X230" s="219"/>
      <c r="Y230" s="219"/>
      <c r="Z230" s="219"/>
      <c r="AA230" s="219"/>
      <c r="AB230" s="219"/>
      <c r="AC230" s="219"/>
      <c r="AD230" s="219"/>
      <c r="AE230" s="219"/>
      <c r="AF230" s="219"/>
      <c r="AG230" s="219"/>
      <c r="AH230" s="219"/>
      <c r="AI230" s="123"/>
      <c r="AJ230" s="123"/>
      <c r="AK230" s="123"/>
      <c r="AL230" s="123"/>
      <c r="AM230" s="123"/>
      <c r="AN230" s="123"/>
      <c r="AO230" s="123"/>
      <c r="AP230" s="123"/>
      <c r="AQ230" s="123"/>
      <c r="AR230" s="123"/>
      <c r="AS230" s="123"/>
      <c r="AT230" s="58"/>
      <c r="AU230" s="58"/>
      <c r="AV230" s="58"/>
      <c r="AW230" s="58"/>
      <c r="AX230" s="58"/>
      <c r="AY230" s="58"/>
      <c r="AZ230" s="58"/>
      <c r="BA230" s="58"/>
      <c r="BB230" s="219"/>
      <c r="BC230" s="219"/>
      <c r="BD230" s="219"/>
      <c r="BE230" s="219"/>
      <c r="BF230" s="219"/>
      <c r="BG230" s="219"/>
      <c r="BH230" s="38"/>
      <c r="BI230" s="38"/>
      <c r="BJ230" s="38"/>
      <c r="BK230" s="68"/>
      <c r="BL230" s="463" t="s">
        <v>132</v>
      </c>
      <c r="BM230" s="389"/>
      <c r="BN230" s="390"/>
    </row>
    <row r="231" spans="4:66" s="239" customFormat="1" ht="24" customHeight="1">
      <c r="D231" s="67"/>
      <c r="E231" s="389" t="s">
        <v>404</v>
      </c>
      <c r="F231" s="389"/>
      <c r="G231" s="497" t="s">
        <v>205</v>
      </c>
      <c r="H231" s="497"/>
      <c r="I231" s="497"/>
      <c r="J231" s="497"/>
      <c r="K231" s="497"/>
      <c r="L231" s="497"/>
      <c r="M231" s="497"/>
      <c r="N231" s="497"/>
      <c r="O231" s="497"/>
      <c r="P231" s="497"/>
      <c r="Q231" s="497"/>
      <c r="R231" s="497"/>
      <c r="S231" s="498"/>
      <c r="T231" s="218"/>
      <c r="U231" s="38" t="s">
        <v>207</v>
      </c>
      <c r="V231" s="219"/>
      <c r="W231" s="219"/>
      <c r="X231" s="219"/>
      <c r="Y231" s="219"/>
      <c r="Z231" s="219"/>
      <c r="AA231" s="219"/>
      <c r="AB231" s="219"/>
      <c r="AC231" s="219"/>
      <c r="AD231" s="219"/>
      <c r="AE231" s="219"/>
      <c r="AF231" s="219"/>
      <c r="AG231" s="219"/>
      <c r="AH231" s="219"/>
      <c r="AI231" s="123"/>
      <c r="AJ231" s="123"/>
      <c r="AK231" s="123"/>
      <c r="AL231" s="123"/>
      <c r="AM231" s="123"/>
      <c r="AN231" s="123"/>
      <c r="AO231" s="123"/>
      <c r="AP231" s="123"/>
      <c r="AQ231" s="123"/>
      <c r="AR231" s="123"/>
      <c r="AS231" s="123"/>
      <c r="AT231" s="58"/>
      <c r="AU231" s="58"/>
      <c r="AV231" s="58"/>
      <c r="AW231" s="58"/>
      <c r="AX231" s="58"/>
      <c r="AY231" s="58"/>
      <c r="AZ231" s="58"/>
      <c r="BA231" s="58"/>
      <c r="BB231" s="219"/>
      <c r="BC231" s="219"/>
      <c r="BD231" s="219"/>
      <c r="BE231" s="219"/>
      <c r="BF231" s="219"/>
      <c r="BG231" s="219"/>
      <c r="BH231" s="38"/>
      <c r="BI231" s="38"/>
      <c r="BJ231" s="38"/>
      <c r="BK231" s="68"/>
      <c r="BL231" s="463" t="s">
        <v>132</v>
      </c>
      <c r="BM231" s="389"/>
      <c r="BN231" s="390"/>
    </row>
    <row r="232" spans="4:66" s="239" customFormat="1" ht="24" customHeight="1">
      <c r="D232" s="67"/>
      <c r="E232" s="389" t="s">
        <v>405</v>
      </c>
      <c r="F232" s="389"/>
      <c r="G232" s="497" t="s">
        <v>215</v>
      </c>
      <c r="H232" s="497"/>
      <c r="I232" s="497"/>
      <c r="J232" s="497"/>
      <c r="K232" s="497"/>
      <c r="L232" s="497"/>
      <c r="M232" s="497"/>
      <c r="N232" s="497"/>
      <c r="O232" s="497"/>
      <c r="P232" s="497"/>
      <c r="Q232" s="497"/>
      <c r="R232" s="497"/>
      <c r="S232" s="498"/>
      <c r="T232" s="122"/>
      <c r="U232" s="123" t="s">
        <v>208</v>
      </c>
      <c r="V232" s="123"/>
      <c r="W232" s="123"/>
      <c r="X232" s="123"/>
      <c r="Y232" s="123"/>
      <c r="Z232" s="123"/>
      <c r="AA232" s="123"/>
      <c r="AB232" s="123"/>
      <c r="AC232" s="123"/>
      <c r="AD232" s="123"/>
      <c r="AE232" s="123"/>
      <c r="AF232" s="123"/>
      <c r="AG232" s="123"/>
      <c r="AH232" s="123"/>
      <c r="AI232" s="123"/>
      <c r="AJ232" s="123"/>
      <c r="AK232" s="123"/>
      <c r="AL232" s="123"/>
      <c r="AM232" s="123"/>
      <c r="AN232" s="123"/>
      <c r="AO232" s="123"/>
      <c r="AP232" s="123"/>
      <c r="AQ232" s="123"/>
      <c r="AR232" s="123"/>
      <c r="AS232" s="123"/>
      <c r="AT232" s="123"/>
      <c r="AU232" s="123"/>
      <c r="AV232" s="123"/>
      <c r="AW232" s="123"/>
      <c r="AX232" s="123"/>
      <c r="AY232" s="123"/>
      <c r="AZ232" s="123"/>
      <c r="BA232" s="123"/>
      <c r="BB232" s="123"/>
      <c r="BC232" s="123"/>
      <c r="BD232" s="123"/>
      <c r="BE232" s="123"/>
      <c r="BF232" s="123"/>
      <c r="BG232" s="123"/>
      <c r="BH232" s="123"/>
      <c r="BI232" s="463" t="s">
        <v>136</v>
      </c>
      <c r="BJ232" s="389"/>
      <c r="BK232" s="389"/>
      <c r="BL232" s="389"/>
      <c r="BM232" s="389"/>
      <c r="BN232" s="390"/>
    </row>
    <row r="233" spans="4:66" s="239" customFormat="1" ht="24" customHeight="1">
      <c r="D233" s="207"/>
      <c r="E233" s="516">
        <v>48</v>
      </c>
      <c r="F233" s="516"/>
      <c r="G233" s="402" t="s">
        <v>211</v>
      </c>
      <c r="H233" s="402"/>
      <c r="I233" s="402"/>
      <c r="J233" s="402"/>
      <c r="K233" s="402"/>
      <c r="L233" s="402"/>
      <c r="M233" s="402"/>
      <c r="N233" s="467" t="s">
        <v>209</v>
      </c>
      <c r="O233" s="277"/>
      <c r="P233" s="277"/>
      <c r="Q233" s="277"/>
      <c r="R233" s="277"/>
      <c r="S233" s="372"/>
      <c r="T233" s="191"/>
      <c r="U233" s="192" t="s">
        <v>212</v>
      </c>
      <c r="V233" s="192"/>
      <c r="W233" s="192"/>
      <c r="X233" s="192"/>
      <c r="Y233" s="192"/>
      <c r="Z233" s="192"/>
      <c r="AA233" s="192"/>
      <c r="AB233" s="192"/>
      <c r="AC233" s="192"/>
      <c r="AD233" s="192"/>
      <c r="AE233" s="192"/>
      <c r="AF233" s="192"/>
      <c r="AG233" s="192"/>
      <c r="AH233" s="192"/>
      <c r="AI233" s="192"/>
      <c r="AJ233" s="192"/>
      <c r="AK233" s="192"/>
      <c r="AL233" s="192"/>
      <c r="AM233" s="192"/>
      <c r="AN233" s="192"/>
      <c r="AO233" s="192"/>
      <c r="AP233" s="192"/>
      <c r="AQ233" s="192"/>
      <c r="AR233" s="192"/>
      <c r="AS233" s="192"/>
      <c r="AT233" s="192"/>
      <c r="AU233" s="192"/>
      <c r="AV233" s="192"/>
      <c r="AW233" s="192"/>
      <c r="AX233" s="192"/>
      <c r="AY233" s="192"/>
      <c r="AZ233" s="192"/>
      <c r="BA233" s="192"/>
      <c r="BB233" s="192"/>
      <c r="BC233" s="192"/>
      <c r="BD233" s="192"/>
      <c r="BE233" s="192"/>
      <c r="BF233" s="192"/>
      <c r="BG233" s="192"/>
      <c r="BH233" s="192"/>
      <c r="BI233" s="467" t="s">
        <v>136</v>
      </c>
      <c r="BJ233" s="277"/>
      <c r="BK233" s="277"/>
      <c r="BL233" s="277"/>
      <c r="BM233" s="277"/>
      <c r="BN233" s="372"/>
    </row>
    <row r="234" spans="4:66" s="239" customFormat="1" ht="24" customHeight="1">
      <c r="D234" s="80"/>
      <c r="E234" s="517"/>
      <c r="F234" s="517"/>
      <c r="G234" s="405"/>
      <c r="H234" s="405"/>
      <c r="I234" s="405"/>
      <c r="J234" s="405"/>
      <c r="K234" s="405"/>
      <c r="L234" s="405"/>
      <c r="M234" s="405"/>
      <c r="N234" s="343" t="s">
        <v>210</v>
      </c>
      <c r="O234" s="275"/>
      <c r="P234" s="275"/>
      <c r="Q234" s="275"/>
      <c r="R234" s="275"/>
      <c r="S234" s="374"/>
      <c r="T234" s="196"/>
      <c r="U234" s="196" t="s">
        <v>213</v>
      </c>
      <c r="V234" s="196"/>
      <c r="W234" s="196"/>
      <c r="X234" s="196"/>
      <c r="Y234" s="196"/>
      <c r="Z234" s="196"/>
      <c r="AA234" s="196"/>
      <c r="AB234" s="196"/>
      <c r="AC234" s="196"/>
      <c r="AD234" s="196"/>
      <c r="AE234" s="196"/>
      <c r="AF234" s="196"/>
      <c r="AG234" s="196"/>
      <c r="AH234" s="196"/>
      <c r="AI234" s="196"/>
      <c r="AJ234" s="196"/>
      <c r="AK234" s="196"/>
      <c r="AL234" s="196"/>
      <c r="AM234" s="196"/>
      <c r="AN234" s="196"/>
      <c r="AO234" s="196"/>
      <c r="AP234" s="196"/>
      <c r="AQ234" s="196"/>
      <c r="AR234" s="196"/>
      <c r="AS234" s="196"/>
      <c r="AT234" s="196"/>
      <c r="AU234" s="196"/>
      <c r="AV234" s="196"/>
      <c r="AW234" s="196"/>
      <c r="AX234" s="196"/>
      <c r="AY234" s="196"/>
      <c r="AZ234" s="196"/>
      <c r="BA234" s="196"/>
      <c r="BB234" s="196"/>
      <c r="BC234" s="196"/>
      <c r="BD234" s="196"/>
      <c r="BE234" s="196"/>
      <c r="BF234" s="196"/>
      <c r="BG234" s="196"/>
      <c r="BH234" s="196"/>
      <c r="BI234" s="343" t="s">
        <v>136</v>
      </c>
      <c r="BJ234" s="275"/>
      <c r="BK234" s="275"/>
      <c r="BL234" s="275"/>
      <c r="BM234" s="275"/>
      <c r="BN234" s="374"/>
    </row>
    <row r="235" spans="4:66" s="239" customFormat="1" ht="24" customHeight="1">
      <c r="D235" s="67"/>
      <c r="E235" s="518">
        <v>49</v>
      </c>
      <c r="F235" s="518"/>
      <c r="G235" s="497" t="s">
        <v>214</v>
      </c>
      <c r="H235" s="497"/>
      <c r="I235" s="497"/>
      <c r="J235" s="497"/>
      <c r="K235" s="497"/>
      <c r="L235" s="497"/>
      <c r="M235" s="497"/>
      <c r="N235" s="497"/>
      <c r="O235" s="497"/>
      <c r="P235" s="497"/>
      <c r="Q235" s="497"/>
      <c r="R235" s="497"/>
      <c r="S235" s="498"/>
      <c r="T235" s="218"/>
      <c r="U235" s="38" t="s">
        <v>216</v>
      </c>
      <c r="V235" s="219"/>
      <c r="W235" s="219"/>
      <c r="X235" s="219"/>
      <c r="Y235" s="219"/>
      <c r="Z235" s="219"/>
      <c r="AA235" s="219"/>
      <c r="AB235" s="219"/>
      <c r="AC235" s="219"/>
      <c r="AD235" s="219"/>
      <c r="AE235" s="219"/>
      <c r="AF235" s="219"/>
      <c r="AG235" s="219"/>
      <c r="AH235" s="219"/>
      <c r="AI235" s="123"/>
      <c r="AJ235" s="123"/>
      <c r="AK235" s="123"/>
      <c r="AL235" s="123"/>
      <c r="AM235" s="123"/>
      <c r="AN235" s="123"/>
      <c r="AO235" s="123"/>
      <c r="AP235" s="123"/>
      <c r="AQ235" s="123"/>
      <c r="AR235" s="123"/>
      <c r="AS235" s="123"/>
      <c r="AT235" s="58"/>
      <c r="AU235" s="58"/>
      <c r="AV235" s="58"/>
      <c r="AW235" s="58"/>
      <c r="AX235" s="58"/>
      <c r="AY235" s="58"/>
      <c r="AZ235" s="58"/>
      <c r="BA235" s="58"/>
      <c r="BB235" s="219"/>
      <c r="BC235" s="219"/>
      <c r="BD235" s="219"/>
      <c r="BE235" s="219"/>
      <c r="BF235" s="219"/>
      <c r="BG235" s="219"/>
      <c r="BH235" s="219"/>
      <c r="BI235" s="123"/>
      <c r="BJ235" s="123"/>
      <c r="BK235" s="123"/>
      <c r="BL235" s="38"/>
      <c r="BM235" s="38"/>
      <c r="BN235" s="39"/>
    </row>
    <row r="236" spans="4:66" s="239" customFormat="1" ht="24" customHeight="1">
      <c r="D236" s="207"/>
      <c r="E236" s="516">
        <v>50</v>
      </c>
      <c r="F236" s="516"/>
      <c r="G236" s="402" t="s">
        <v>217</v>
      </c>
      <c r="H236" s="402"/>
      <c r="I236" s="402"/>
      <c r="J236" s="402"/>
      <c r="K236" s="402"/>
      <c r="L236" s="402"/>
      <c r="M236" s="402"/>
      <c r="N236" s="467" t="s">
        <v>218</v>
      </c>
      <c r="O236" s="277"/>
      <c r="P236" s="277"/>
      <c r="Q236" s="277"/>
      <c r="R236" s="277"/>
      <c r="S236" s="372"/>
      <c r="T236" s="191"/>
      <c r="U236" s="192" t="s">
        <v>220</v>
      </c>
      <c r="V236" s="192"/>
      <c r="W236" s="192"/>
      <c r="X236" s="192"/>
      <c r="Y236" s="192"/>
      <c r="Z236" s="192"/>
      <c r="AA236" s="192"/>
      <c r="AB236" s="192"/>
      <c r="AC236" s="192"/>
      <c r="AD236" s="192"/>
      <c r="AE236" s="192"/>
      <c r="AF236" s="192"/>
      <c r="AG236" s="192"/>
      <c r="AH236" s="192"/>
      <c r="AI236" s="192"/>
      <c r="AJ236" s="192"/>
      <c r="AK236" s="192"/>
      <c r="AL236" s="192"/>
      <c r="AM236" s="192"/>
      <c r="AN236" s="192"/>
      <c r="AO236" s="192"/>
      <c r="AP236" s="192"/>
      <c r="AQ236" s="192"/>
      <c r="AR236" s="192"/>
      <c r="AS236" s="192"/>
      <c r="AT236" s="192"/>
      <c r="AU236" s="192"/>
      <c r="AV236" s="192"/>
      <c r="AW236" s="192"/>
      <c r="AX236" s="192"/>
      <c r="AY236" s="192"/>
      <c r="AZ236" s="192"/>
      <c r="BA236" s="192"/>
      <c r="BB236" s="192"/>
      <c r="BC236" s="192"/>
      <c r="BD236" s="192"/>
      <c r="BE236" s="192"/>
      <c r="BF236" s="192"/>
      <c r="BG236" s="192"/>
      <c r="BH236" s="192"/>
      <c r="BI236" s="467" t="s">
        <v>136</v>
      </c>
      <c r="BJ236" s="277"/>
      <c r="BK236" s="277"/>
      <c r="BL236" s="277"/>
      <c r="BM236" s="277"/>
      <c r="BN236" s="372"/>
    </row>
    <row r="237" spans="4:66" s="239" customFormat="1" ht="24" customHeight="1">
      <c r="D237" s="80"/>
      <c r="E237" s="517"/>
      <c r="F237" s="517"/>
      <c r="G237" s="405"/>
      <c r="H237" s="405"/>
      <c r="I237" s="405"/>
      <c r="J237" s="405"/>
      <c r="K237" s="405"/>
      <c r="L237" s="405"/>
      <c r="M237" s="405"/>
      <c r="N237" s="343" t="s">
        <v>219</v>
      </c>
      <c r="O237" s="275"/>
      <c r="P237" s="275"/>
      <c r="Q237" s="275"/>
      <c r="R237" s="275"/>
      <c r="S237" s="374"/>
      <c r="T237" s="196"/>
      <c r="U237" s="196" t="s">
        <v>220</v>
      </c>
      <c r="V237" s="196"/>
      <c r="W237" s="196"/>
      <c r="X237" s="196"/>
      <c r="Y237" s="196"/>
      <c r="Z237" s="196"/>
      <c r="AA237" s="196"/>
      <c r="AB237" s="196"/>
      <c r="AC237" s="196"/>
      <c r="AD237" s="196"/>
      <c r="AE237" s="196"/>
      <c r="AF237" s="196"/>
      <c r="AG237" s="196"/>
      <c r="AH237" s="196"/>
      <c r="AI237" s="196"/>
      <c r="AJ237" s="196"/>
      <c r="AK237" s="196"/>
      <c r="AL237" s="196"/>
      <c r="AM237" s="196"/>
      <c r="AN237" s="196"/>
      <c r="AO237" s="196"/>
      <c r="AP237" s="196"/>
      <c r="AQ237" s="196"/>
      <c r="AR237" s="196"/>
      <c r="AS237" s="196"/>
      <c r="AT237" s="196"/>
      <c r="AU237" s="196"/>
      <c r="AV237" s="196"/>
      <c r="AW237" s="196"/>
      <c r="AX237" s="196"/>
      <c r="AY237" s="196"/>
      <c r="AZ237" s="196"/>
      <c r="BA237" s="196"/>
      <c r="BB237" s="196"/>
      <c r="BC237" s="196"/>
      <c r="BD237" s="196"/>
      <c r="BE237" s="196"/>
      <c r="BF237" s="196"/>
      <c r="BG237" s="196"/>
      <c r="BH237" s="196"/>
      <c r="BI237" s="343" t="s">
        <v>136</v>
      </c>
      <c r="BJ237" s="275"/>
      <c r="BK237" s="275"/>
      <c r="BL237" s="275"/>
      <c r="BM237" s="275"/>
      <c r="BN237" s="374"/>
    </row>
    <row r="238" spans="4:66" s="239" customFormat="1" ht="24" customHeight="1">
      <c r="D238" s="67"/>
      <c r="E238" s="518">
        <v>51</v>
      </c>
      <c r="F238" s="518"/>
      <c r="G238" s="497" t="s">
        <v>221</v>
      </c>
      <c r="H238" s="497"/>
      <c r="I238" s="497"/>
      <c r="J238" s="497"/>
      <c r="K238" s="497"/>
      <c r="L238" s="497"/>
      <c r="M238" s="497"/>
      <c r="N238" s="497"/>
      <c r="O238" s="497"/>
      <c r="P238" s="497"/>
      <c r="Q238" s="497"/>
      <c r="R238" s="497"/>
      <c r="S238" s="498"/>
      <c r="T238" s="122"/>
      <c r="U238" s="123" t="s">
        <v>222</v>
      </c>
      <c r="V238" s="123"/>
      <c r="W238" s="123"/>
      <c r="X238" s="123"/>
      <c r="Y238" s="123"/>
      <c r="Z238" s="123"/>
      <c r="AA238" s="123"/>
      <c r="AB238" s="123"/>
      <c r="AC238" s="123"/>
      <c r="AD238" s="123"/>
      <c r="AE238" s="123"/>
      <c r="AF238" s="123"/>
      <c r="AG238" s="123"/>
      <c r="AH238" s="123"/>
      <c r="AI238" s="123"/>
      <c r="AJ238" s="123"/>
      <c r="AK238" s="123"/>
      <c r="AL238" s="123"/>
      <c r="AM238" s="123"/>
      <c r="AN238" s="123"/>
      <c r="AO238" s="123"/>
      <c r="AP238" s="123"/>
      <c r="AQ238" s="123"/>
      <c r="AR238" s="123"/>
      <c r="AS238" s="123"/>
      <c r="AT238" s="123"/>
      <c r="AU238" s="123"/>
      <c r="AV238" s="123"/>
      <c r="AW238" s="123"/>
      <c r="AX238" s="123"/>
      <c r="AY238" s="123"/>
      <c r="AZ238" s="123"/>
      <c r="BA238" s="123"/>
      <c r="BB238" s="123"/>
      <c r="BC238" s="123"/>
      <c r="BD238" s="123"/>
      <c r="BE238" s="123"/>
      <c r="BF238" s="123"/>
      <c r="BG238" s="123"/>
      <c r="BH238" s="123"/>
      <c r="BI238" s="463" t="s">
        <v>136</v>
      </c>
      <c r="BJ238" s="389"/>
      <c r="BK238" s="389"/>
      <c r="BL238" s="389"/>
      <c r="BM238" s="389"/>
      <c r="BN238" s="390"/>
    </row>
    <row r="239" spans="4:66" ht="6.75" customHeight="1">
      <c r="D239" s="239"/>
      <c r="E239" s="188"/>
      <c r="F239" s="188"/>
      <c r="G239" s="200"/>
      <c r="H239" s="200"/>
      <c r="I239" s="200"/>
      <c r="J239" s="200"/>
      <c r="K239" s="200"/>
      <c r="L239" s="200"/>
      <c r="M239" s="200"/>
      <c r="N239" s="200"/>
      <c r="O239" s="200"/>
      <c r="P239" s="200"/>
      <c r="Q239" s="200"/>
      <c r="R239" s="200"/>
      <c r="S239" s="200"/>
      <c r="T239" s="239"/>
      <c r="AV239" s="239"/>
      <c r="AW239" s="239"/>
      <c r="AX239" s="239"/>
      <c r="AY239" s="239"/>
      <c r="AZ239" s="239"/>
      <c r="BA239" s="188"/>
      <c r="BB239" s="188"/>
      <c r="BC239" s="188"/>
      <c r="BD239" s="188"/>
      <c r="BE239" s="188"/>
      <c r="BF239" s="188"/>
      <c r="BG239" s="188"/>
      <c r="BH239" s="188"/>
      <c r="BI239" s="188"/>
      <c r="BJ239" s="188"/>
      <c r="BK239" s="188"/>
      <c r="BL239" s="188"/>
      <c r="BM239" s="188"/>
      <c r="BN239" s="188"/>
    </row>
    <row r="240" spans="4:66" ht="6.75" customHeight="1">
      <c r="D240" s="239"/>
      <c r="E240" s="188"/>
      <c r="F240" s="188"/>
      <c r="G240" s="200"/>
      <c r="H240" s="200"/>
      <c r="I240" s="200"/>
      <c r="J240" s="200"/>
      <c r="K240" s="200"/>
      <c r="L240" s="200"/>
      <c r="M240" s="200"/>
      <c r="N240" s="200"/>
      <c r="O240" s="200"/>
      <c r="P240" s="200"/>
      <c r="Q240" s="200"/>
      <c r="R240" s="200"/>
      <c r="S240" s="200"/>
      <c r="T240" s="239"/>
      <c r="AV240" s="239"/>
      <c r="AW240" s="239"/>
      <c r="AX240" s="239"/>
      <c r="AY240" s="239"/>
      <c r="AZ240" s="239"/>
      <c r="BA240" s="188"/>
      <c r="BB240" s="188"/>
      <c r="BC240" s="188"/>
      <c r="BD240" s="188"/>
      <c r="BE240" s="188"/>
      <c r="BF240" s="188"/>
      <c r="BG240" s="188"/>
      <c r="BH240" s="188"/>
      <c r="BI240" s="188"/>
      <c r="BJ240" s="188"/>
      <c r="BK240" s="188"/>
      <c r="BL240" s="188"/>
      <c r="BM240" s="188"/>
      <c r="BN240" s="188"/>
    </row>
    <row r="241" spans="4:66" s="239" customFormat="1" ht="24" customHeight="1">
      <c r="D241" s="67"/>
      <c r="E241" s="518">
        <v>52</v>
      </c>
      <c r="F241" s="518"/>
      <c r="G241" s="497" t="s">
        <v>223</v>
      </c>
      <c r="H241" s="497"/>
      <c r="I241" s="497"/>
      <c r="J241" s="497"/>
      <c r="K241" s="497"/>
      <c r="L241" s="497"/>
      <c r="M241" s="497"/>
      <c r="N241" s="497"/>
      <c r="O241" s="497"/>
      <c r="P241" s="497"/>
      <c r="Q241" s="497"/>
      <c r="R241" s="497"/>
      <c r="S241" s="498"/>
      <c r="T241" s="218"/>
      <c r="U241" s="38" t="s">
        <v>224</v>
      </c>
      <c r="V241" s="219"/>
      <c r="W241" s="219"/>
      <c r="X241" s="219"/>
      <c r="Y241" s="219"/>
      <c r="Z241" s="219"/>
      <c r="AA241" s="219"/>
      <c r="AB241" s="219"/>
      <c r="AC241" s="219"/>
      <c r="AD241" s="219"/>
      <c r="AE241" s="219"/>
      <c r="AF241" s="219"/>
      <c r="AG241" s="219"/>
      <c r="AH241" s="219"/>
      <c r="AI241" s="123"/>
      <c r="AJ241" s="123"/>
      <c r="AK241" s="123"/>
      <c r="AL241" s="123"/>
      <c r="AM241" s="123"/>
      <c r="AN241" s="123"/>
      <c r="AO241" s="123"/>
      <c r="AP241" s="123"/>
      <c r="AQ241" s="123"/>
      <c r="AR241" s="123"/>
      <c r="AS241" s="123"/>
      <c r="AT241" s="58"/>
      <c r="AU241" s="58"/>
      <c r="AV241" s="58"/>
      <c r="AW241" s="58"/>
      <c r="AX241" s="58"/>
      <c r="AY241" s="58"/>
      <c r="AZ241" s="58"/>
      <c r="BA241" s="58"/>
      <c r="BB241" s="219"/>
      <c r="BC241" s="219"/>
      <c r="BD241" s="219"/>
      <c r="BE241" s="219"/>
      <c r="BF241" s="219"/>
      <c r="BG241" s="219"/>
      <c r="BH241" s="219"/>
      <c r="BI241" s="123"/>
      <c r="BJ241" s="123"/>
      <c r="BK241" s="123"/>
      <c r="BL241" s="38"/>
      <c r="BM241" s="38"/>
      <c r="BN241" s="39"/>
    </row>
    <row r="242" spans="4:66" s="239" customFormat="1" ht="24" customHeight="1">
      <c r="D242" s="207"/>
      <c r="E242" s="516">
        <v>53</v>
      </c>
      <c r="F242" s="516"/>
      <c r="G242" s="511" t="s">
        <v>225</v>
      </c>
      <c r="H242" s="511"/>
      <c r="I242" s="511"/>
      <c r="J242" s="511"/>
      <c r="K242" s="511"/>
      <c r="L242" s="511"/>
      <c r="M242" s="511"/>
      <c r="N242" s="511"/>
      <c r="O242" s="511"/>
      <c r="P242" s="511"/>
      <c r="Q242" s="511"/>
      <c r="R242" s="511"/>
      <c r="S242" s="512"/>
      <c r="T242" s="218"/>
      <c r="U242" s="38" t="s">
        <v>483</v>
      </c>
      <c r="V242" s="219"/>
      <c r="W242" s="219"/>
      <c r="X242" s="219"/>
      <c r="Y242" s="219"/>
      <c r="Z242" s="219"/>
      <c r="AA242" s="219"/>
      <c r="AB242" s="219"/>
      <c r="AC242" s="219"/>
      <c r="AD242" s="219"/>
      <c r="AE242" s="219"/>
      <c r="AF242" s="219"/>
      <c r="AG242" s="219"/>
      <c r="AH242" s="219"/>
      <c r="AI242" s="123"/>
      <c r="AJ242" s="123"/>
      <c r="AK242" s="123"/>
      <c r="AL242" s="123"/>
      <c r="AM242" s="123"/>
      <c r="AN242" s="123"/>
      <c r="AO242" s="123"/>
      <c r="AP242" s="123"/>
      <c r="AQ242" s="123"/>
      <c r="AR242" s="123"/>
      <c r="AS242" s="123"/>
      <c r="AT242" s="58"/>
      <c r="AU242" s="58"/>
      <c r="AV242" s="58"/>
      <c r="AW242" s="58"/>
      <c r="AX242" s="58"/>
      <c r="AY242" s="58"/>
      <c r="AZ242" s="58"/>
      <c r="BA242" s="58"/>
      <c r="BB242" s="219"/>
      <c r="BC242" s="219"/>
      <c r="BD242" s="219"/>
      <c r="BE242" s="219"/>
      <c r="BF242" s="219"/>
      <c r="BG242" s="219"/>
      <c r="BH242" s="219"/>
      <c r="BI242" s="123"/>
      <c r="BJ242" s="123"/>
      <c r="BK242" s="123"/>
      <c r="BL242" s="38"/>
      <c r="BM242" s="38"/>
      <c r="BN242" s="39"/>
    </row>
    <row r="243" spans="4:66" s="239" customFormat="1" ht="24" customHeight="1">
      <c r="D243" s="210"/>
      <c r="E243" s="517"/>
      <c r="F243" s="517"/>
      <c r="G243" s="514"/>
      <c r="H243" s="514"/>
      <c r="I243" s="514"/>
      <c r="J243" s="514"/>
      <c r="K243" s="514"/>
      <c r="L243" s="514"/>
      <c r="M243" s="514"/>
      <c r="N243" s="514"/>
      <c r="O243" s="514"/>
      <c r="P243" s="514"/>
      <c r="Q243" s="514"/>
      <c r="R243" s="514"/>
      <c r="S243" s="515"/>
      <c r="T243" s="194"/>
      <c r="U243" s="251" t="s">
        <v>226</v>
      </c>
      <c r="V243" s="176"/>
      <c r="W243" s="176"/>
      <c r="X243" s="176"/>
      <c r="Y243" s="176"/>
      <c r="Z243" s="176"/>
      <c r="AA243" s="176"/>
      <c r="AB243" s="176"/>
      <c r="AC243" s="176"/>
      <c r="AD243" s="176"/>
      <c r="AE243" s="176"/>
      <c r="AF243" s="176"/>
      <c r="AG243" s="176"/>
      <c r="AH243" s="176"/>
      <c r="AI243" s="196"/>
      <c r="AJ243" s="196"/>
      <c r="AK243" s="196"/>
      <c r="AL243" s="196"/>
      <c r="AM243" s="196"/>
      <c r="AN243" s="196"/>
      <c r="AO243" s="196"/>
      <c r="AP243" s="196"/>
      <c r="AQ243" s="196"/>
      <c r="AR243" s="196"/>
      <c r="AS243" s="196"/>
      <c r="AT243" s="197"/>
      <c r="AU243" s="197"/>
      <c r="AV243" s="197"/>
      <c r="AW243" s="197"/>
      <c r="AX243" s="197"/>
      <c r="AY243" s="197"/>
      <c r="AZ243" s="197"/>
      <c r="BA243" s="197"/>
      <c r="BB243" s="176"/>
      <c r="BC243" s="176"/>
      <c r="BD243" s="176"/>
      <c r="BE243" s="176"/>
      <c r="BF243" s="176"/>
      <c r="BG243" s="176"/>
      <c r="BH243" s="176"/>
      <c r="BI243" s="196"/>
      <c r="BJ243" s="196"/>
      <c r="BK243" s="196"/>
      <c r="BL243" s="251"/>
      <c r="BM243" s="251"/>
      <c r="BN243" s="9"/>
    </row>
    <row r="244" spans="4:66" s="239" customFormat="1" ht="24" customHeight="1">
      <c r="D244" s="191"/>
      <c r="E244" s="516">
        <v>54</v>
      </c>
      <c r="F244" s="516"/>
      <c r="G244" s="402" t="s">
        <v>477</v>
      </c>
      <c r="H244" s="402"/>
      <c r="I244" s="402"/>
      <c r="J244" s="402"/>
      <c r="K244" s="402"/>
      <c r="L244" s="402"/>
      <c r="M244" s="402"/>
      <c r="N244" s="402"/>
      <c r="O244" s="402"/>
      <c r="P244" s="402"/>
      <c r="Q244" s="402"/>
      <c r="R244" s="402"/>
      <c r="S244" s="403"/>
      <c r="T244" s="191"/>
      <c r="U244" s="522" t="s">
        <v>227</v>
      </c>
      <c r="V244" s="522"/>
      <c r="W244" s="522"/>
      <c r="X244" s="522"/>
      <c r="Y244" s="522"/>
      <c r="Z244" s="522"/>
      <c r="AA244" s="522"/>
      <c r="AB244" s="522"/>
      <c r="AC244" s="522"/>
      <c r="AD244" s="522"/>
      <c r="AE244" s="522"/>
      <c r="AF244" s="522"/>
      <c r="AG244" s="522"/>
      <c r="AH244" s="522"/>
      <c r="AI244" s="522"/>
      <c r="AJ244" s="522"/>
      <c r="AK244" s="522"/>
      <c r="AL244" s="522"/>
      <c r="AM244" s="522"/>
      <c r="AN244" s="522"/>
      <c r="AO244" s="522"/>
      <c r="AP244" s="522"/>
      <c r="AQ244" s="522"/>
      <c r="AR244" s="522"/>
      <c r="AS244" s="522"/>
      <c r="AT244" s="522"/>
      <c r="AU244" s="522"/>
      <c r="AV244" s="249"/>
      <c r="AW244" s="192"/>
      <c r="AX244" s="192"/>
      <c r="AY244" s="192"/>
      <c r="AZ244" s="192"/>
      <c r="BA244" s="467" t="s">
        <v>135</v>
      </c>
      <c r="BB244" s="277"/>
      <c r="BC244" s="277"/>
      <c r="BD244" s="277"/>
      <c r="BE244" s="277"/>
      <c r="BF244" s="277"/>
      <c r="BG244" s="464"/>
      <c r="BH244" s="467" t="s">
        <v>136</v>
      </c>
      <c r="BI244" s="277"/>
      <c r="BJ244" s="277"/>
      <c r="BK244" s="277"/>
      <c r="BL244" s="277"/>
      <c r="BM244" s="277"/>
      <c r="BN244" s="372"/>
    </row>
    <row r="245" spans="4:66" s="239" customFormat="1" ht="24" customHeight="1">
      <c r="D245" s="262"/>
      <c r="E245" s="521"/>
      <c r="F245" s="521"/>
      <c r="G245" s="347"/>
      <c r="H245" s="347"/>
      <c r="I245" s="347"/>
      <c r="J245" s="347"/>
      <c r="K245" s="347"/>
      <c r="L245" s="347"/>
      <c r="M245" s="347"/>
      <c r="N245" s="347"/>
      <c r="O245" s="347"/>
      <c r="P245" s="347"/>
      <c r="Q245" s="347"/>
      <c r="R245" s="347"/>
      <c r="S245" s="421"/>
      <c r="T245" s="262"/>
      <c r="U245" s="523" t="s">
        <v>228</v>
      </c>
      <c r="V245" s="523"/>
      <c r="W245" s="523"/>
      <c r="X245" s="523"/>
      <c r="Y245" s="523"/>
      <c r="Z245" s="523"/>
      <c r="AA245" s="523"/>
      <c r="AB245" s="523"/>
      <c r="AC245" s="523"/>
      <c r="AD245" s="523"/>
      <c r="AE245" s="523"/>
      <c r="AF245" s="523"/>
      <c r="AG245" s="523"/>
      <c r="AH245" s="523"/>
      <c r="AI245" s="523"/>
      <c r="AJ245" s="523"/>
      <c r="AK245" s="523"/>
      <c r="AL245" s="523"/>
      <c r="AM245" s="523"/>
      <c r="AN245" s="523"/>
      <c r="AO245" s="523"/>
      <c r="AP245" s="523"/>
      <c r="AQ245" s="523"/>
      <c r="AR245" s="523"/>
      <c r="AS245" s="523"/>
      <c r="AT245" s="523"/>
      <c r="AU245" s="523"/>
      <c r="BA245" s="465" t="s">
        <v>135</v>
      </c>
      <c r="BB245" s="308"/>
      <c r="BC245" s="308"/>
      <c r="BD245" s="308"/>
      <c r="BE245" s="308"/>
      <c r="BF245" s="308"/>
      <c r="BG245" s="466"/>
      <c r="BH245" s="465" t="s">
        <v>136</v>
      </c>
      <c r="BI245" s="308"/>
      <c r="BJ245" s="308"/>
      <c r="BK245" s="308"/>
      <c r="BL245" s="308"/>
      <c r="BM245" s="308"/>
      <c r="BN245" s="447"/>
    </row>
    <row r="246" spans="4:66" ht="24" customHeight="1">
      <c r="D246" s="80"/>
      <c r="E246" s="517"/>
      <c r="F246" s="517"/>
      <c r="G246" s="405"/>
      <c r="H246" s="405"/>
      <c r="I246" s="405"/>
      <c r="J246" s="405"/>
      <c r="K246" s="405"/>
      <c r="L246" s="405"/>
      <c r="M246" s="405"/>
      <c r="N246" s="405"/>
      <c r="O246" s="405"/>
      <c r="P246" s="405"/>
      <c r="Q246" s="405"/>
      <c r="R246" s="405"/>
      <c r="S246" s="406"/>
      <c r="T246" s="80"/>
      <c r="U246" s="524" t="s">
        <v>229</v>
      </c>
      <c r="V246" s="524"/>
      <c r="W246" s="524"/>
      <c r="X246" s="524"/>
      <c r="Y246" s="524"/>
      <c r="Z246" s="524"/>
      <c r="AA246" s="524"/>
      <c r="AB246" s="524"/>
      <c r="AC246" s="524"/>
      <c r="AD246" s="524"/>
      <c r="AE246" s="524"/>
      <c r="AF246" s="524"/>
      <c r="AG246" s="524"/>
      <c r="AH246" s="524"/>
      <c r="AI246" s="524"/>
      <c r="AJ246" s="524"/>
      <c r="AK246" s="524"/>
      <c r="AL246" s="524"/>
      <c r="AM246" s="524"/>
      <c r="AN246" s="524"/>
      <c r="AO246" s="524"/>
      <c r="AP246" s="524"/>
      <c r="AQ246" s="524"/>
      <c r="AR246" s="524"/>
      <c r="AS246" s="524"/>
      <c r="AT246" s="524"/>
      <c r="AU246" s="524"/>
      <c r="AV246" s="196"/>
      <c r="AW246" s="196"/>
      <c r="AX246" s="196"/>
      <c r="AY246" s="196"/>
      <c r="AZ246" s="196"/>
      <c r="BA246" s="343" t="s">
        <v>135</v>
      </c>
      <c r="BB246" s="275"/>
      <c r="BC246" s="275"/>
      <c r="BD246" s="275"/>
      <c r="BE246" s="275"/>
      <c r="BF246" s="275"/>
      <c r="BG246" s="330"/>
      <c r="BH246" s="343" t="s">
        <v>136</v>
      </c>
      <c r="BI246" s="275"/>
      <c r="BJ246" s="275"/>
      <c r="BK246" s="275"/>
      <c r="BL246" s="275"/>
      <c r="BM246" s="275"/>
      <c r="BN246" s="374"/>
    </row>
    <row r="247" spans="4:66" ht="20.25" customHeight="1">
      <c r="D247" s="191"/>
      <c r="E247" s="516">
        <v>55</v>
      </c>
      <c r="F247" s="519"/>
      <c r="G247" s="221"/>
      <c r="H247" s="222"/>
      <c r="I247" s="249" t="s">
        <v>230</v>
      </c>
      <c r="J247" s="249"/>
      <c r="K247" s="249"/>
      <c r="L247" s="249"/>
      <c r="M247" s="249"/>
      <c r="N247" s="249"/>
      <c r="O247" s="249"/>
      <c r="P247" s="249"/>
      <c r="Q247" s="249"/>
      <c r="R247" s="249"/>
      <c r="S247" s="249"/>
      <c r="T247" s="249"/>
      <c r="U247" s="277" t="s">
        <v>137</v>
      </c>
      <c r="V247" s="277"/>
      <c r="W247" s="277"/>
      <c r="X247" s="277"/>
      <c r="Y247" s="277"/>
      <c r="Z247" s="277"/>
      <c r="AA247" s="192"/>
      <c r="AB247" s="192"/>
      <c r="AC247" s="192"/>
      <c r="AD247" s="192"/>
      <c r="AE247" s="192"/>
      <c r="AF247" s="277" t="s">
        <v>138</v>
      </c>
      <c r="AG247" s="277"/>
      <c r="AH247" s="277"/>
      <c r="AI247" s="277"/>
      <c r="AJ247" s="277"/>
      <c r="AK247" s="277"/>
      <c r="AL247" s="249"/>
      <c r="AM247" s="192"/>
      <c r="AN247" s="192"/>
      <c r="AO247" s="192"/>
      <c r="AP247" s="192"/>
      <c r="AQ247" s="192"/>
      <c r="AR247" s="249"/>
      <c r="AS247" s="249"/>
      <c r="AT247" s="249"/>
      <c r="AU247" s="249"/>
      <c r="AV247" s="249"/>
      <c r="AW247" s="249"/>
      <c r="AX247" s="192"/>
      <c r="AY247" s="192"/>
      <c r="AZ247" s="192"/>
      <c r="BA247" s="178"/>
      <c r="BB247" s="178"/>
      <c r="BC247" s="178"/>
      <c r="BD247" s="178"/>
      <c r="BE247" s="178"/>
      <c r="BF247" s="178"/>
      <c r="BG247" s="178"/>
      <c r="BH247" s="178"/>
      <c r="BI247" s="178"/>
      <c r="BJ247" s="178"/>
      <c r="BK247" s="178"/>
      <c r="BL247" s="178"/>
      <c r="BM247" s="178"/>
      <c r="BN247" s="213"/>
    </row>
    <row r="248" spans="4:66" ht="20.25" customHeight="1">
      <c r="D248" s="262"/>
      <c r="E248" s="360" t="s">
        <v>237</v>
      </c>
      <c r="F248" s="361"/>
      <c r="G248" s="73"/>
      <c r="H248" s="247"/>
      <c r="I248" s="247"/>
      <c r="J248" s="520" t="s">
        <v>231</v>
      </c>
      <c r="K248" s="520"/>
      <c r="L248" s="520"/>
      <c r="M248" s="520"/>
      <c r="N248" s="520"/>
      <c r="O248" s="520"/>
      <c r="P248" s="520"/>
      <c r="Q248" s="520"/>
      <c r="R248" s="520"/>
      <c r="S248" s="520"/>
      <c r="T248" s="520"/>
      <c r="U248" s="520"/>
      <c r="V248" s="520"/>
      <c r="W248" s="520"/>
      <c r="X248" s="520"/>
      <c r="Y248" s="520"/>
      <c r="Z248" s="520"/>
      <c r="AA248" s="520"/>
      <c r="AB248" s="520"/>
      <c r="AC248" s="520"/>
      <c r="AD248" s="520"/>
      <c r="AE248" s="520"/>
      <c r="AF248" s="520"/>
      <c r="AG248" s="520"/>
      <c r="AH248" s="520"/>
      <c r="AI248" s="520"/>
      <c r="AJ248" s="520"/>
      <c r="AK248" s="520"/>
      <c r="AL248" s="520"/>
      <c r="AM248" s="520"/>
      <c r="AN248" s="520"/>
      <c r="AO248" s="520"/>
      <c r="AP248" s="520"/>
      <c r="AQ248" s="520"/>
      <c r="AR248" s="520"/>
      <c r="AS248" s="520"/>
      <c r="AT248" s="520"/>
      <c r="AU248" s="520"/>
      <c r="AV248" s="520"/>
      <c r="AW248" s="520"/>
      <c r="AX248" s="520"/>
      <c r="AY248" s="520"/>
      <c r="AZ248" s="520"/>
      <c r="BA248" s="520"/>
      <c r="BB248" s="520"/>
      <c r="BC248" s="520"/>
      <c r="BD248" s="520"/>
      <c r="BE248" s="520"/>
      <c r="BF248" s="520"/>
      <c r="BG248" s="520"/>
      <c r="BH248" s="520"/>
      <c r="BI248" s="520"/>
      <c r="BJ248" s="520"/>
      <c r="BK248" s="520"/>
      <c r="BL248" s="520"/>
      <c r="BM248" s="520"/>
      <c r="BN248" s="74"/>
    </row>
    <row r="249" spans="4:66" ht="20.25" customHeight="1">
      <c r="D249" s="262"/>
      <c r="E249" s="360"/>
      <c r="F249" s="361"/>
      <c r="G249" s="227"/>
      <c r="H249" s="200"/>
      <c r="I249" s="200"/>
      <c r="J249" s="347"/>
      <c r="K249" s="347"/>
      <c r="L249" s="347"/>
      <c r="M249" s="347"/>
      <c r="N249" s="347"/>
      <c r="O249" s="347"/>
      <c r="P249" s="347"/>
      <c r="Q249" s="347"/>
      <c r="R249" s="347"/>
      <c r="S249" s="347"/>
      <c r="T249" s="347"/>
      <c r="U249" s="347"/>
      <c r="V249" s="347"/>
      <c r="W249" s="347"/>
      <c r="X249" s="347"/>
      <c r="Y249" s="347"/>
      <c r="Z249" s="347"/>
      <c r="AA249" s="347"/>
      <c r="AB249" s="347"/>
      <c r="AC249" s="347"/>
      <c r="AD249" s="347"/>
      <c r="AE249" s="347"/>
      <c r="AF249" s="347"/>
      <c r="AG249" s="347"/>
      <c r="AH249" s="347"/>
      <c r="AI249" s="347"/>
      <c r="AJ249" s="347"/>
      <c r="AK249" s="347"/>
      <c r="AL249" s="347"/>
      <c r="AM249" s="347"/>
      <c r="AN249" s="347"/>
      <c r="AO249" s="347"/>
      <c r="AP249" s="347"/>
      <c r="AQ249" s="347"/>
      <c r="AR249" s="347"/>
      <c r="AS249" s="347"/>
      <c r="AT249" s="347"/>
      <c r="AU249" s="347"/>
      <c r="AV249" s="347"/>
      <c r="AW249" s="347"/>
      <c r="AX249" s="347"/>
      <c r="AY249" s="347"/>
      <c r="AZ249" s="347"/>
      <c r="BA249" s="347"/>
      <c r="BB249" s="347"/>
      <c r="BC249" s="347"/>
      <c r="BD249" s="347"/>
      <c r="BE249" s="347"/>
      <c r="BF249" s="347"/>
      <c r="BG249" s="347"/>
      <c r="BH249" s="347"/>
      <c r="BI249" s="347"/>
      <c r="BJ249" s="347"/>
      <c r="BK249" s="347"/>
      <c r="BL249" s="347"/>
      <c r="BM249" s="347"/>
      <c r="BN249" s="233"/>
    </row>
    <row r="250" spans="4:66" ht="20.25" customHeight="1">
      <c r="D250" s="262"/>
      <c r="E250" s="360"/>
      <c r="F250" s="361"/>
      <c r="G250" s="223"/>
      <c r="H250" s="224"/>
      <c r="I250" s="224"/>
      <c r="J250" s="506" t="s">
        <v>232</v>
      </c>
      <c r="K250" s="506"/>
      <c r="L250" s="506"/>
      <c r="M250" s="506"/>
      <c r="N250" s="506"/>
      <c r="O250" s="506"/>
      <c r="P250" s="506"/>
      <c r="Q250" s="506"/>
      <c r="R250" s="506"/>
      <c r="S250" s="506"/>
      <c r="T250" s="506"/>
      <c r="U250" s="506"/>
      <c r="V250" s="506"/>
      <c r="W250" s="506"/>
      <c r="X250" s="506"/>
      <c r="Y250" s="506"/>
      <c r="Z250" s="506"/>
      <c r="AA250" s="506"/>
      <c r="AB250" s="506"/>
      <c r="AC250" s="506"/>
      <c r="AD250" s="506"/>
      <c r="AE250" s="506"/>
      <c r="AF250" s="506"/>
      <c r="AG250" s="506"/>
      <c r="AH250" s="506"/>
      <c r="AI250" s="506"/>
      <c r="AJ250" s="506"/>
      <c r="AK250" s="506"/>
      <c r="AL250" s="506"/>
      <c r="AM250" s="506"/>
      <c r="AN250" s="506"/>
      <c r="AO250" s="506"/>
      <c r="AP250" s="506"/>
      <c r="AQ250" s="506"/>
      <c r="AR250" s="506"/>
      <c r="AS250" s="506"/>
      <c r="AT250" s="506"/>
      <c r="AU250" s="506"/>
      <c r="AV250" s="506"/>
      <c r="AW250" s="506"/>
      <c r="AX250" s="506"/>
      <c r="AY250" s="506"/>
      <c r="AZ250" s="506"/>
      <c r="BA250" s="506"/>
      <c r="BB250" s="506"/>
      <c r="BC250" s="506"/>
      <c r="BD250" s="506"/>
      <c r="BE250" s="506"/>
      <c r="BF250" s="506"/>
      <c r="BG250" s="506"/>
      <c r="BH250" s="506"/>
      <c r="BI250" s="506"/>
      <c r="BJ250" s="506"/>
      <c r="BK250" s="506"/>
      <c r="BL250" s="506"/>
      <c r="BM250" s="506"/>
      <c r="BN250" s="214"/>
    </row>
    <row r="251" spans="4:66" ht="20.25" customHeight="1">
      <c r="D251" s="262"/>
      <c r="E251" s="360"/>
      <c r="F251" s="361"/>
      <c r="G251" s="221"/>
      <c r="H251" s="222"/>
      <c r="I251" s="249" t="s">
        <v>233</v>
      </c>
      <c r="J251" s="249"/>
      <c r="K251" s="249"/>
      <c r="L251" s="249"/>
      <c r="M251" s="249"/>
      <c r="N251" s="249"/>
      <c r="O251" s="249"/>
      <c r="P251" s="249"/>
      <c r="Q251" s="249"/>
      <c r="R251" s="249"/>
      <c r="S251" s="249"/>
      <c r="T251" s="249"/>
      <c r="U251" s="277" t="s">
        <v>137</v>
      </c>
      <c r="V251" s="277"/>
      <c r="W251" s="277"/>
      <c r="X251" s="277"/>
      <c r="Y251" s="277"/>
      <c r="Z251" s="277"/>
      <c r="AA251" s="192"/>
      <c r="AB251" s="192"/>
      <c r="AC251" s="192"/>
      <c r="AD251" s="192"/>
      <c r="AE251" s="192"/>
      <c r="AF251" s="277" t="s">
        <v>138</v>
      </c>
      <c r="AG251" s="277"/>
      <c r="AH251" s="277"/>
      <c r="AI251" s="277"/>
      <c r="AJ251" s="277"/>
      <c r="AK251" s="277"/>
      <c r="AL251" s="249"/>
      <c r="AM251" s="192"/>
      <c r="AN251" s="192"/>
      <c r="AO251" s="192"/>
      <c r="AP251" s="192"/>
      <c r="AQ251" s="192"/>
      <c r="AR251" s="249"/>
      <c r="AS251" s="249"/>
      <c r="AT251" s="249"/>
      <c r="AU251" s="249"/>
      <c r="AV251" s="249"/>
      <c r="AW251" s="249"/>
      <c r="AX251" s="192"/>
      <c r="AY251" s="192"/>
      <c r="AZ251" s="192"/>
      <c r="BA251" s="178"/>
      <c r="BB251" s="178"/>
      <c r="BC251" s="178"/>
      <c r="BD251" s="178"/>
      <c r="BE251" s="178"/>
      <c r="BF251" s="178"/>
      <c r="BG251" s="178"/>
      <c r="BH251" s="178"/>
      <c r="BI251" s="178"/>
      <c r="BJ251" s="178"/>
      <c r="BK251" s="178"/>
      <c r="BL251" s="178"/>
      <c r="BM251" s="178"/>
      <c r="BN251" s="213"/>
    </row>
    <row r="252" spans="4:66" ht="20.25" customHeight="1">
      <c r="D252" s="262"/>
      <c r="E252" s="360"/>
      <c r="F252" s="361"/>
      <c r="G252" s="73"/>
      <c r="H252" s="247"/>
      <c r="I252" s="247"/>
      <c r="J252" s="520" t="s">
        <v>235</v>
      </c>
      <c r="K252" s="520"/>
      <c r="L252" s="520"/>
      <c r="M252" s="520"/>
      <c r="N252" s="520"/>
      <c r="O252" s="520"/>
      <c r="P252" s="520"/>
      <c r="Q252" s="520"/>
      <c r="R252" s="520"/>
      <c r="S252" s="520"/>
      <c r="T252" s="520"/>
      <c r="U252" s="520"/>
      <c r="V252" s="520"/>
      <c r="W252" s="520"/>
      <c r="X252" s="520"/>
      <c r="Y252" s="520"/>
      <c r="Z252" s="520"/>
      <c r="AA252" s="520"/>
      <c r="AB252" s="520"/>
      <c r="AC252" s="520"/>
      <c r="AD252" s="520"/>
      <c r="AE252" s="520"/>
      <c r="AF252" s="520"/>
      <c r="AG252" s="520"/>
      <c r="AH252" s="520"/>
      <c r="AI252" s="520"/>
      <c r="AJ252" s="520"/>
      <c r="AK252" s="520"/>
      <c r="AL252" s="520"/>
      <c r="AM252" s="520"/>
      <c r="AN252" s="520"/>
      <c r="AO252" s="520"/>
      <c r="AP252" s="520"/>
      <c r="AQ252" s="520"/>
      <c r="AR252" s="520"/>
      <c r="AS252" s="520"/>
      <c r="AT252" s="520"/>
      <c r="AU252" s="520"/>
      <c r="AV252" s="520"/>
      <c r="AW252" s="520"/>
      <c r="AX252" s="520"/>
      <c r="AY252" s="520"/>
      <c r="AZ252" s="520"/>
      <c r="BA252" s="520"/>
      <c r="BB252" s="520"/>
      <c r="BC252" s="520"/>
      <c r="BD252" s="520"/>
      <c r="BE252" s="520"/>
      <c r="BF252" s="520"/>
      <c r="BG252" s="520"/>
      <c r="BH252" s="520"/>
      <c r="BI252" s="520"/>
      <c r="BJ252" s="520"/>
      <c r="BK252" s="520"/>
      <c r="BL252" s="520"/>
      <c r="BM252" s="520"/>
      <c r="BN252" s="74"/>
    </row>
    <row r="253" spans="4:66" ht="20.25" customHeight="1">
      <c r="D253" s="262"/>
      <c r="E253" s="360"/>
      <c r="F253" s="361"/>
      <c r="G253" s="223"/>
      <c r="H253" s="224"/>
      <c r="I253" s="224"/>
      <c r="J253" s="405"/>
      <c r="K253" s="405"/>
      <c r="L253" s="405"/>
      <c r="M253" s="405"/>
      <c r="N253" s="405"/>
      <c r="O253" s="405"/>
      <c r="P253" s="405"/>
      <c r="Q253" s="405"/>
      <c r="R253" s="405"/>
      <c r="S253" s="405"/>
      <c r="T253" s="405"/>
      <c r="U253" s="405"/>
      <c r="V253" s="405"/>
      <c r="W253" s="405"/>
      <c r="X253" s="405"/>
      <c r="Y253" s="405"/>
      <c r="Z253" s="405"/>
      <c r="AA253" s="405"/>
      <c r="AB253" s="405"/>
      <c r="AC253" s="405"/>
      <c r="AD253" s="405"/>
      <c r="AE253" s="405"/>
      <c r="AF253" s="405"/>
      <c r="AG253" s="405"/>
      <c r="AH253" s="405"/>
      <c r="AI253" s="405"/>
      <c r="AJ253" s="405"/>
      <c r="AK253" s="405"/>
      <c r="AL253" s="405"/>
      <c r="AM253" s="405"/>
      <c r="AN253" s="405"/>
      <c r="AO253" s="405"/>
      <c r="AP253" s="405"/>
      <c r="AQ253" s="405"/>
      <c r="AR253" s="405"/>
      <c r="AS253" s="405"/>
      <c r="AT253" s="405"/>
      <c r="AU253" s="405"/>
      <c r="AV253" s="405"/>
      <c r="AW253" s="405"/>
      <c r="AX253" s="405"/>
      <c r="AY253" s="405"/>
      <c r="AZ253" s="405"/>
      <c r="BA253" s="405"/>
      <c r="BB253" s="405"/>
      <c r="BC253" s="405"/>
      <c r="BD253" s="405"/>
      <c r="BE253" s="405"/>
      <c r="BF253" s="405"/>
      <c r="BG253" s="405"/>
      <c r="BH253" s="405"/>
      <c r="BI253" s="405"/>
      <c r="BJ253" s="405"/>
      <c r="BK253" s="405"/>
      <c r="BL253" s="405"/>
      <c r="BM253" s="405"/>
      <c r="BN253" s="214"/>
    </row>
    <row r="254" spans="4:66" ht="20.25" customHeight="1">
      <c r="D254" s="262"/>
      <c r="E254" s="360"/>
      <c r="F254" s="361"/>
      <c r="G254" s="221"/>
      <c r="H254" s="222"/>
      <c r="I254" s="249" t="s">
        <v>234</v>
      </c>
      <c r="J254" s="249"/>
      <c r="K254" s="249"/>
      <c r="L254" s="249"/>
      <c r="M254" s="249"/>
      <c r="N254" s="249"/>
      <c r="O254" s="249"/>
      <c r="P254" s="249"/>
      <c r="Q254" s="249"/>
      <c r="R254" s="249"/>
      <c r="S254" s="249"/>
      <c r="T254" s="249"/>
      <c r="U254" s="277" t="s">
        <v>137</v>
      </c>
      <c r="V254" s="277"/>
      <c r="W254" s="277"/>
      <c r="X254" s="277"/>
      <c r="Y254" s="277"/>
      <c r="Z254" s="277"/>
      <c r="AA254" s="192"/>
      <c r="AB254" s="192"/>
      <c r="AC254" s="192"/>
      <c r="AD254" s="192"/>
      <c r="AE254" s="192"/>
      <c r="AF254" s="277" t="s">
        <v>138</v>
      </c>
      <c r="AG254" s="277"/>
      <c r="AH254" s="277"/>
      <c r="AI254" s="277"/>
      <c r="AJ254" s="277"/>
      <c r="AK254" s="277"/>
      <c r="AL254" s="249"/>
      <c r="AM254" s="192"/>
      <c r="AN254" s="192"/>
      <c r="AO254" s="192"/>
      <c r="AP254" s="192"/>
      <c r="AQ254" s="192"/>
      <c r="AR254" s="249"/>
      <c r="AS254" s="249"/>
      <c r="AT254" s="249"/>
      <c r="AU254" s="249"/>
      <c r="AV254" s="249"/>
      <c r="AW254" s="249"/>
      <c r="AX254" s="192"/>
      <c r="AY254" s="192"/>
      <c r="AZ254" s="192"/>
      <c r="BA254" s="178"/>
      <c r="BB254" s="178"/>
      <c r="BC254" s="178"/>
      <c r="BD254" s="178"/>
      <c r="BE254" s="178"/>
      <c r="BF254" s="178"/>
      <c r="BG254" s="178"/>
      <c r="BH254" s="178"/>
      <c r="BI254" s="178"/>
      <c r="BJ254" s="178"/>
      <c r="BK254" s="178"/>
      <c r="BL254" s="178"/>
      <c r="BM254" s="178"/>
      <c r="BN254" s="213"/>
    </row>
    <row r="255" spans="4:66" ht="20.25" customHeight="1">
      <c r="D255" s="262"/>
      <c r="E255" s="360"/>
      <c r="F255" s="361"/>
      <c r="G255" s="73"/>
      <c r="H255" s="247"/>
      <c r="I255" s="247"/>
      <c r="J255" s="520" t="s">
        <v>236</v>
      </c>
      <c r="K255" s="520"/>
      <c r="L255" s="520"/>
      <c r="M255" s="520"/>
      <c r="N255" s="520"/>
      <c r="O255" s="520"/>
      <c r="P255" s="520"/>
      <c r="Q255" s="520"/>
      <c r="R255" s="520"/>
      <c r="S255" s="520"/>
      <c r="T255" s="520"/>
      <c r="U255" s="520"/>
      <c r="V255" s="520"/>
      <c r="W255" s="520"/>
      <c r="X255" s="520"/>
      <c r="Y255" s="520"/>
      <c r="Z255" s="520"/>
      <c r="AA255" s="520"/>
      <c r="AB255" s="520"/>
      <c r="AC255" s="520"/>
      <c r="AD255" s="520"/>
      <c r="AE255" s="520"/>
      <c r="AF255" s="520"/>
      <c r="AG255" s="520"/>
      <c r="AH255" s="520"/>
      <c r="AI255" s="520"/>
      <c r="AJ255" s="520"/>
      <c r="AK255" s="520"/>
      <c r="AL255" s="520"/>
      <c r="AM255" s="520"/>
      <c r="AN255" s="520"/>
      <c r="AO255" s="520"/>
      <c r="AP255" s="520"/>
      <c r="AQ255" s="520"/>
      <c r="AR255" s="520"/>
      <c r="AS255" s="520"/>
      <c r="AT255" s="520"/>
      <c r="AU255" s="520"/>
      <c r="AV255" s="520"/>
      <c r="AW255" s="520"/>
      <c r="AX255" s="520"/>
      <c r="AY255" s="520"/>
      <c r="AZ255" s="520"/>
      <c r="BA255" s="520"/>
      <c r="BB255" s="520"/>
      <c r="BC255" s="520"/>
      <c r="BD255" s="520"/>
      <c r="BE255" s="520"/>
      <c r="BF255" s="520"/>
      <c r="BG255" s="520"/>
      <c r="BH255" s="520"/>
      <c r="BI255" s="520"/>
      <c r="BJ255" s="520"/>
      <c r="BK255" s="520"/>
      <c r="BL255" s="520"/>
      <c r="BM255" s="520"/>
      <c r="BN255" s="74"/>
    </row>
    <row r="256" spans="4:66" ht="20.25" customHeight="1">
      <c r="D256" s="80"/>
      <c r="E256" s="363"/>
      <c r="F256" s="364"/>
      <c r="G256" s="223"/>
      <c r="H256" s="224"/>
      <c r="I256" s="224"/>
      <c r="J256" s="405"/>
      <c r="K256" s="405"/>
      <c r="L256" s="405"/>
      <c r="M256" s="405"/>
      <c r="N256" s="405"/>
      <c r="O256" s="405"/>
      <c r="P256" s="405"/>
      <c r="Q256" s="405"/>
      <c r="R256" s="405"/>
      <c r="S256" s="405"/>
      <c r="T256" s="405"/>
      <c r="U256" s="405"/>
      <c r="V256" s="405"/>
      <c r="W256" s="405"/>
      <c r="X256" s="405"/>
      <c r="Y256" s="405"/>
      <c r="Z256" s="405"/>
      <c r="AA256" s="405"/>
      <c r="AB256" s="405"/>
      <c r="AC256" s="405"/>
      <c r="AD256" s="405"/>
      <c r="AE256" s="405"/>
      <c r="AF256" s="405"/>
      <c r="AG256" s="405"/>
      <c r="AH256" s="405"/>
      <c r="AI256" s="405"/>
      <c r="AJ256" s="405"/>
      <c r="AK256" s="405"/>
      <c r="AL256" s="405"/>
      <c r="AM256" s="405"/>
      <c r="AN256" s="405"/>
      <c r="AO256" s="405"/>
      <c r="AP256" s="405"/>
      <c r="AQ256" s="405"/>
      <c r="AR256" s="405"/>
      <c r="AS256" s="405"/>
      <c r="AT256" s="405"/>
      <c r="AU256" s="405"/>
      <c r="AV256" s="405"/>
      <c r="AW256" s="405"/>
      <c r="AX256" s="405"/>
      <c r="AY256" s="405"/>
      <c r="AZ256" s="405"/>
      <c r="BA256" s="405"/>
      <c r="BB256" s="405"/>
      <c r="BC256" s="405"/>
      <c r="BD256" s="405"/>
      <c r="BE256" s="405"/>
      <c r="BF256" s="405"/>
      <c r="BG256" s="405"/>
      <c r="BH256" s="405"/>
      <c r="BI256" s="405"/>
      <c r="BJ256" s="405"/>
      <c r="BK256" s="405"/>
      <c r="BL256" s="405"/>
      <c r="BM256" s="405"/>
      <c r="BN256" s="214"/>
    </row>
    <row r="257" spans="4:66" ht="24" customHeight="1">
      <c r="D257" s="207"/>
      <c r="E257" s="516">
        <v>56</v>
      </c>
      <c r="F257" s="516"/>
      <c r="G257" s="469" t="s">
        <v>238</v>
      </c>
      <c r="H257" s="469"/>
      <c r="I257" s="469"/>
      <c r="J257" s="469"/>
      <c r="K257" s="469"/>
      <c r="L257" s="469"/>
      <c r="M257" s="469"/>
      <c r="N257" s="469"/>
      <c r="O257" s="469"/>
      <c r="P257" s="469"/>
      <c r="Q257" s="469"/>
      <c r="R257" s="469"/>
      <c r="S257" s="470"/>
      <c r="T257" s="191"/>
      <c r="U257" s="249"/>
      <c r="V257" s="249"/>
      <c r="W257" s="249"/>
      <c r="X257" s="249" t="s">
        <v>239</v>
      </c>
      <c r="Y257" s="249"/>
      <c r="Z257" s="249"/>
      <c r="AA257" s="249"/>
      <c r="AB257" s="249"/>
      <c r="AC257" s="249"/>
      <c r="AD257" s="249"/>
      <c r="AE257" s="249"/>
      <c r="AF257" s="249"/>
      <c r="AG257" s="249"/>
      <c r="AH257" s="249"/>
      <c r="AI257" s="249"/>
      <c r="AJ257" s="249"/>
      <c r="AK257" s="249"/>
      <c r="AL257" s="249"/>
      <c r="AM257" s="249"/>
      <c r="AN257" s="249"/>
      <c r="AO257" s="249"/>
      <c r="AP257" s="249"/>
      <c r="AQ257" s="249"/>
      <c r="AR257" s="249"/>
      <c r="AS257" s="249"/>
      <c r="AT257" s="249"/>
      <c r="AU257" s="249"/>
      <c r="AV257" s="192"/>
      <c r="AW257" s="192"/>
      <c r="AX257" s="192"/>
      <c r="AY257" s="192"/>
      <c r="AZ257" s="192"/>
      <c r="BA257" s="371" t="s">
        <v>135</v>
      </c>
      <c r="BB257" s="277"/>
      <c r="BC257" s="277"/>
      <c r="BD257" s="277"/>
      <c r="BE257" s="277"/>
      <c r="BF257" s="277"/>
      <c r="BG257" s="277"/>
      <c r="BH257" s="467" t="s">
        <v>136</v>
      </c>
      <c r="BI257" s="277"/>
      <c r="BJ257" s="277"/>
      <c r="BK257" s="277"/>
      <c r="BL257" s="277"/>
      <c r="BM257" s="277"/>
      <c r="BN257" s="372"/>
    </row>
    <row r="258" spans="4:66" ht="24" customHeight="1">
      <c r="D258" s="262"/>
      <c r="E258" s="521"/>
      <c r="F258" s="521"/>
      <c r="G258" s="471"/>
      <c r="H258" s="471"/>
      <c r="I258" s="471"/>
      <c r="J258" s="471"/>
      <c r="K258" s="471"/>
      <c r="L258" s="471"/>
      <c r="M258" s="471"/>
      <c r="N258" s="471"/>
      <c r="O258" s="471"/>
      <c r="P258" s="471"/>
      <c r="Q258" s="471"/>
      <c r="R258" s="471"/>
      <c r="S258" s="472"/>
      <c r="T258" s="262"/>
      <c r="X258" s="250" t="s">
        <v>240</v>
      </c>
      <c r="AV258" s="239"/>
      <c r="AW258" s="239"/>
      <c r="AX258" s="239"/>
      <c r="AY258" s="239"/>
      <c r="AZ258" s="239"/>
      <c r="BA258" s="448" t="s">
        <v>135</v>
      </c>
      <c r="BB258" s="308"/>
      <c r="BC258" s="308"/>
      <c r="BD258" s="308"/>
      <c r="BE258" s="308"/>
      <c r="BF258" s="308"/>
      <c r="BG258" s="308"/>
      <c r="BH258" s="465" t="s">
        <v>136</v>
      </c>
      <c r="BI258" s="308"/>
      <c r="BJ258" s="308"/>
      <c r="BK258" s="308"/>
      <c r="BL258" s="308"/>
      <c r="BM258" s="308"/>
      <c r="BN258" s="447"/>
    </row>
    <row r="259" spans="4:66" ht="24" customHeight="1">
      <c r="D259" s="80"/>
      <c r="E259" s="256"/>
      <c r="F259" s="256"/>
      <c r="G259" s="224"/>
      <c r="H259" s="224"/>
      <c r="I259" s="224"/>
      <c r="J259" s="224"/>
      <c r="K259" s="224"/>
      <c r="L259" s="224"/>
      <c r="M259" s="224"/>
      <c r="N259" s="224"/>
      <c r="O259" s="224"/>
      <c r="P259" s="224"/>
      <c r="Q259" s="224"/>
      <c r="R259" s="224"/>
      <c r="S259" s="225"/>
      <c r="T259" s="80"/>
      <c r="U259" s="251"/>
      <c r="V259" s="251"/>
      <c r="W259" s="251"/>
      <c r="X259" s="251" t="s">
        <v>241</v>
      </c>
      <c r="Y259" s="251"/>
      <c r="Z259" s="251"/>
      <c r="AA259" s="251"/>
      <c r="AB259" s="251"/>
      <c r="AC259" s="251"/>
      <c r="AD259" s="251"/>
      <c r="AE259" s="251"/>
      <c r="AF259" s="251"/>
      <c r="AG259" s="251"/>
      <c r="AH259" s="251"/>
      <c r="AI259" s="251"/>
      <c r="AJ259" s="251"/>
      <c r="AK259" s="251"/>
      <c r="AL259" s="251"/>
      <c r="AM259" s="251"/>
      <c r="AN259" s="251"/>
      <c r="AO259" s="251"/>
      <c r="AP259" s="251"/>
      <c r="AQ259" s="251"/>
      <c r="AR259" s="251"/>
      <c r="AS259" s="251"/>
      <c r="AT259" s="251"/>
      <c r="AU259" s="251"/>
      <c r="AV259" s="196"/>
      <c r="AW259" s="196"/>
      <c r="AX259" s="196"/>
      <c r="AY259" s="196"/>
      <c r="AZ259" s="196"/>
      <c r="BA259" s="329" t="s">
        <v>135</v>
      </c>
      <c r="BB259" s="275"/>
      <c r="BC259" s="275"/>
      <c r="BD259" s="275"/>
      <c r="BE259" s="275"/>
      <c r="BF259" s="275"/>
      <c r="BG259" s="275"/>
      <c r="BH259" s="343" t="s">
        <v>136</v>
      </c>
      <c r="BI259" s="275"/>
      <c r="BJ259" s="275"/>
      <c r="BK259" s="275"/>
      <c r="BL259" s="275"/>
      <c r="BM259" s="275"/>
      <c r="BN259" s="374"/>
    </row>
    <row r="260" spans="4:66" ht="23.25" customHeight="1">
      <c r="D260" s="67"/>
      <c r="E260" s="518">
        <v>57</v>
      </c>
      <c r="F260" s="518"/>
      <c r="G260" s="123" t="s">
        <v>242</v>
      </c>
      <c r="H260" s="123"/>
      <c r="I260" s="123"/>
      <c r="J260" s="123"/>
      <c r="K260" s="123"/>
      <c r="L260" s="123"/>
      <c r="M260" s="123"/>
      <c r="N260" s="123"/>
      <c r="O260" s="123"/>
      <c r="P260" s="123"/>
      <c r="Q260" s="123"/>
      <c r="R260" s="123"/>
      <c r="S260" s="124"/>
      <c r="T260" s="178"/>
      <c r="U260" s="249" t="s">
        <v>243</v>
      </c>
      <c r="V260" s="178"/>
      <c r="W260" s="178"/>
      <c r="X260" s="178"/>
      <c r="Y260" s="178"/>
      <c r="Z260" s="178"/>
      <c r="AA260" s="178"/>
      <c r="AB260" s="178"/>
      <c r="AC260" s="178"/>
      <c r="AD260" s="178"/>
      <c r="AE260" s="178"/>
      <c r="AF260" s="178"/>
      <c r="AG260" s="192"/>
      <c r="AH260" s="192"/>
      <c r="AI260" s="192"/>
      <c r="AJ260" s="192"/>
      <c r="AK260" s="192"/>
      <c r="AL260" s="192"/>
      <c r="AM260" s="192"/>
      <c r="AN260" s="192"/>
      <c r="AO260" s="192"/>
      <c r="AP260" s="192"/>
      <c r="AQ260" s="198"/>
      <c r="AR260" s="198"/>
      <c r="AS260" s="198"/>
      <c r="AT260" s="198"/>
      <c r="AU260" s="198"/>
      <c r="AV260" s="198"/>
      <c r="AW260" s="198"/>
      <c r="AX260" s="178"/>
      <c r="AY260" s="178"/>
      <c r="AZ260" s="178"/>
      <c r="BA260" s="178"/>
      <c r="BB260" s="178"/>
      <c r="BC260" s="178"/>
      <c r="BD260" s="178"/>
      <c r="BE260" s="192"/>
      <c r="BF260" s="192"/>
      <c r="BG260" s="192"/>
      <c r="BH260" s="198"/>
      <c r="BI260" s="198"/>
      <c r="BJ260" s="198"/>
      <c r="BK260" s="198"/>
      <c r="BL260" s="467" t="s">
        <v>132</v>
      </c>
      <c r="BM260" s="277"/>
      <c r="BN260" s="372"/>
    </row>
    <row r="261" spans="4:66" ht="23.25" customHeight="1">
      <c r="D261" s="207"/>
      <c r="E261" s="516">
        <v>58</v>
      </c>
      <c r="F261" s="516"/>
      <c r="G261" s="402" t="s">
        <v>252</v>
      </c>
      <c r="H261" s="402"/>
      <c r="I261" s="402"/>
      <c r="J261" s="402"/>
      <c r="K261" s="402"/>
      <c r="L261" s="402"/>
      <c r="M261" s="402"/>
      <c r="N261" s="402"/>
      <c r="O261" s="402"/>
      <c r="P261" s="402"/>
      <c r="Q261" s="402"/>
      <c r="R261" s="402"/>
      <c r="S261" s="403"/>
      <c r="T261" s="212"/>
      <c r="U261" s="249" t="s">
        <v>244</v>
      </c>
      <c r="V261" s="178"/>
      <c r="W261" s="178"/>
      <c r="X261" s="178"/>
      <c r="Y261" s="178"/>
      <c r="Z261" s="178"/>
      <c r="AA261" s="178"/>
      <c r="AB261" s="178"/>
      <c r="AC261" s="178"/>
      <c r="AD261" s="178"/>
      <c r="AE261" s="178"/>
      <c r="AF261" s="178"/>
      <c r="AG261" s="192"/>
      <c r="AH261" s="192"/>
      <c r="AI261" s="191"/>
      <c r="AJ261" s="389" t="s">
        <v>18</v>
      </c>
      <c r="AK261" s="389"/>
      <c r="AL261" s="389"/>
      <c r="AM261" s="389" t="s">
        <v>132</v>
      </c>
      <c r="AN261" s="389"/>
      <c r="AO261" s="389"/>
      <c r="AP261" s="3"/>
      <c r="AQ261" s="2"/>
      <c r="AR261" s="192"/>
      <c r="AS261" s="249" t="s">
        <v>245</v>
      </c>
      <c r="AT261" s="249"/>
      <c r="AU261" s="249"/>
      <c r="AV261" s="249"/>
      <c r="AW261" s="249"/>
      <c r="AX261" s="249"/>
      <c r="AY261" s="249"/>
      <c r="AZ261" s="249"/>
      <c r="BA261" s="249"/>
      <c r="BB261" s="249"/>
      <c r="BC261" s="249"/>
      <c r="BD261" s="249"/>
      <c r="BE261" s="249"/>
      <c r="BF261" s="249"/>
      <c r="BG261" s="249"/>
      <c r="BH261" s="2"/>
      <c r="BI261" s="389" t="s">
        <v>18</v>
      </c>
      <c r="BJ261" s="389"/>
      <c r="BK261" s="389"/>
      <c r="BL261" s="389" t="s">
        <v>132</v>
      </c>
      <c r="BM261" s="389"/>
      <c r="BN261" s="390"/>
    </row>
    <row r="262" spans="4:66" ht="23.25" customHeight="1">
      <c r="D262" s="208"/>
      <c r="E262" s="521"/>
      <c r="F262" s="521"/>
      <c r="G262" s="347"/>
      <c r="H262" s="347"/>
      <c r="I262" s="347"/>
      <c r="J262" s="347"/>
      <c r="K262" s="347"/>
      <c r="L262" s="347"/>
      <c r="M262" s="347"/>
      <c r="N262" s="347"/>
      <c r="O262" s="347"/>
      <c r="P262" s="347"/>
      <c r="Q262" s="347"/>
      <c r="R262" s="347"/>
      <c r="S262" s="421"/>
      <c r="T262" s="37"/>
      <c r="U262" s="38" t="s">
        <v>246</v>
      </c>
      <c r="V262" s="38"/>
      <c r="W262" s="38"/>
      <c r="X262" s="38"/>
      <c r="Y262" s="38"/>
      <c r="Z262" s="38"/>
      <c r="AA262" s="38"/>
      <c r="AB262" s="38"/>
      <c r="AC262" s="38"/>
      <c r="AD262" s="38"/>
      <c r="AE262" s="38"/>
      <c r="AF262" s="38"/>
      <c r="AG262" s="38"/>
      <c r="AH262" s="38"/>
      <c r="AI262" s="37"/>
      <c r="AJ262" s="389" t="s">
        <v>18</v>
      </c>
      <c r="AK262" s="389"/>
      <c r="AL262" s="389"/>
      <c r="AM262" s="389" t="s">
        <v>132</v>
      </c>
      <c r="AN262" s="389"/>
      <c r="AO262" s="389"/>
      <c r="AP262" s="220"/>
      <c r="AQ262" s="122"/>
      <c r="AR262" s="38"/>
      <c r="AS262" s="38" t="s">
        <v>247</v>
      </c>
      <c r="AT262" s="58"/>
      <c r="AU262" s="58"/>
      <c r="AV262" s="58"/>
      <c r="AW262" s="58"/>
      <c r="AX262" s="58"/>
      <c r="AY262" s="58"/>
      <c r="AZ262" s="219"/>
      <c r="BA262" s="219"/>
      <c r="BB262" s="219"/>
      <c r="BC262" s="219"/>
      <c r="BD262" s="219"/>
      <c r="BE262" s="219"/>
      <c r="BF262" s="123"/>
      <c r="BG262" s="123"/>
      <c r="BH262" s="85"/>
      <c r="BI262" s="389" t="s">
        <v>18</v>
      </c>
      <c r="BJ262" s="389"/>
      <c r="BK262" s="389"/>
      <c r="BL262" s="389" t="s">
        <v>132</v>
      </c>
      <c r="BM262" s="389"/>
      <c r="BN262" s="390"/>
    </row>
    <row r="263" spans="4:66" ht="23.25" customHeight="1">
      <c r="D263" s="208"/>
      <c r="E263" s="82"/>
      <c r="F263" s="82"/>
      <c r="G263" s="239"/>
      <c r="H263" s="239"/>
      <c r="I263" s="239"/>
      <c r="J263" s="239"/>
      <c r="K263" s="239"/>
      <c r="L263" s="239"/>
      <c r="M263" s="239"/>
      <c r="N263" s="239"/>
      <c r="O263" s="239"/>
      <c r="P263" s="239"/>
      <c r="Q263" s="239"/>
      <c r="R263" s="239"/>
      <c r="S263" s="239"/>
      <c r="T263" s="234"/>
      <c r="U263" s="250" t="s">
        <v>248</v>
      </c>
      <c r="V263" s="188"/>
      <c r="W263" s="188"/>
      <c r="X263" s="188"/>
      <c r="Y263" s="188"/>
      <c r="Z263" s="188"/>
      <c r="AA263" s="188"/>
      <c r="AB263" s="188"/>
      <c r="AC263" s="188"/>
      <c r="AD263" s="188"/>
      <c r="AE263" s="188"/>
      <c r="AF263" s="188"/>
      <c r="AG263" s="239"/>
      <c r="AH263" s="239"/>
      <c r="AI263" s="239"/>
      <c r="AJ263" s="239"/>
      <c r="AK263" s="239"/>
      <c r="AL263" s="239"/>
      <c r="AM263" s="239"/>
      <c r="AN263" s="239"/>
      <c r="AO263" s="239"/>
      <c r="AP263" s="192"/>
      <c r="AQ263" s="235"/>
      <c r="AR263" s="235"/>
      <c r="AS263" s="235"/>
      <c r="AT263" s="277" t="s">
        <v>18</v>
      </c>
      <c r="AU263" s="277"/>
      <c r="AV263" s="277"/>
      <c r="AW263" s="198"/>
      <c r="AX263" s="178"/>
      <c r="AY263" s="178"/>
      <c r="AZ263" s="178"/>
      <c r="BA263" s="178"/>
      <c r="BB263" s="178"/>
      <c r="BC263" s="178"/>
      <c r="BD263" s="178"/>
      <c r="BE263" s="277" t="s">
        <v>132</v>
      </c>
      <c r="BF263" s="277"/>
      <c r="BG263" s="277"/>
      <c r="BH263" s="235"/>
      <c r="BI263" s="235"/>
      <c r="BJ263" s="235"/>
      <c r="BK263" s="235"/>
      <c r="BL263" s="188"/>
      <c r="BM263" s="188"/>
      <c r="BN263" s="233"/>
    </row>
    <row r="264" spans="4:66" ht="23.25" customHeight="1">
      <c r="D264" s="210"/>
      <c r="E264" s="256"/>
      <c r="F264" s="256"/>
      <c r="G264" s="196"/>
      <c r="H264" s="196"/>
      <c r="I264" s="196"/>
      <c r="J264" s="196"/>
      <c r="K264" s="196"/>
      <c r="L264" s="196"/>
      <c r="M264" s="196"/>
      <c r="N264" s="196"/>
      <c r="O264" s="196"/>
      <c r="P264" s="196"/>
      <c r="Q264" s="196"/>
      <c r="R264" s="196"/>
      <c r="S264" s="196"/>
      <c r="T264" s="194"/>
      <c r="U264" s="251" t="s">
        <v>249</v>
      </c>
      <c r="V264" s="176"/>
      <c r="W264" s="176"/>
      <c r="X264" s="176"/>
      <c r="Y264" s="176"/>
      <c r="Z264" s="176"/>
      <c r="AA264" s="176"/>
      <c r="AB264" s="176"/>
      <c r="AC264" s="176"/>
      <c r="AD264" s="176"/>
      <c r="AE264" s="176"/>
      <c r="AF264" s="176"/>
      <c r="AG264" s="196"/>
      <c r="AH264" s="196"/>
      <c r="AI264" s="196"/>
      <c r="AJ264" s="196"/>
      <c r="AK264" s="196"/>
      <c r="AL264" s="196"/>
      <c r="AM264" s="196"/>
      <c r="AN264" s="196"/>
      <c r="AO264" s="196"/>
      <c r="AP264" s="196"/>
      <c r="AQ264" s="197"/>
      <c r="AR264" s="197"/>
      <c r="AS264" s="197"/>
      <c r="AT264" s="197"/>
      <c r="AU264" s="197"/>
      <c r="AV264" s="197"/>
      <c r="AW264" s="197"/>
      <c r="AX264" s="176"/>
      <c r="AY264" s="176"/>
      <c r="AZ264" s="176"/>
      <c r="BA264" s="176"/>
      <c r="BB264" s="176"/>
      <c r="BC264" s="176"/>
      <c r="BD264" s="176"/>
      <c r="BE264" s="196"/>
      <c r="BF264" s="196"/>
      <c r="BG264" s="196"/>
      <c r="BH264" s="197"/>
      <c r="BI264" s="197"/>
      <c r="BJ264" s="197"/>
      <c r="BK264" s="197"/>
      <c r="BL264" s="176"/>
      <c r="BM264" s="176"/>
      <c r="BN264" s="214"/>
    </row>
    <row r="265" spans="4:66" ht="41.25" customHeight="1">
      <c r="D265" s="37"/>
      <c r="E265" s="518">
        <v>59</v>
      </c>
      <c r="F265" s="518"/>
      <c r="G265" s="508" t="s">
        <v>81</v>
      </c>
      <c r="H265" s="508"/>
      <c r="I265" s="508"/>
      <c r="J265" s="508"/>
      <c r="K265" s="508"/>
      <c r="L265" s="508"/>
      <c r="M265" s="508"/>
      <c r="N265" s="508"/>
      <c r="O265" s="508"/>
      <c r="P265" s="508"/>
      <c r="Q265" s="508"/>
      <c r="R265" s="508"/>
      <c r="S265" s="561"/>
      <c r="T265" s="388"/>
      <c r="U265" s="389"/>
      <c r="V265" s="389"/>
      <c r="W265" s="389"/>
      <c r="X265" s="389"/>
      <c r="Y265" s="389"/>
      <c r="Z265" s="389"/>
      <c r="AA265" s="389"/>
      <c r="AB265" s="389"/>
      <c r="AC265" s="389"/>
      <c r="AD265" s="389"/>
      <c r="AE265" s="389"/>
      <c r="AF265" s="389"/>
      <c r="AG265" s="389"/>
      <c r="AH265" s="389"/>
      <c r="AI265" s="389"/>
      <c r="AJ265" s="389"/>
      <c r="AK265" s="389"/>
      <c r="AL265" s="389"/>
      <c r="AM265" s="389"/>
      <c r="AN265" s="389"/>
      <c r="AO265" s="389"/>
      <c r="AP265" s="389"/>
      <c r="AQ265" s="389"/>
      <c r="AR265" s="389"/>
      <c r="AS265" s="389"/>
      <c r="AT265" s="389"/>
      <c r="AU265" s="389"/>
      <c r="AV265" s="389"/>
      <c r="AW265" s="389"/>
      <c r="AX265" s="389"/>
      <c r="AY265" s="389"/>
      <c r="AZ265" s="389"/>
      <c r="BA265" s="389"/>
      <c r="BB265" s="389"/>
      <c r="BC265" s="389"/>
      <c r="BD265" s="389"/>
      <c r="BE265" s="389"/>
      <c r="BF265" s="389"/>
      <c r="BG265" s="389"/>
      <c r="BH265" s="389"/>
      <c r="BI265" s="389"/>
      <c r="BJ265" s="389"/>
      <c r="BK265" s="389"/>
      <c r="BL265" s="389"/>
      <c r="BM265" s="389"/>
      <c r="BN265" s="390"/>
    </row>
    <row r="266" spans="4:66" ht="41.25" customHeight="1">
      <c r="D266" s="37"/>
      <c r="E266" s="518">
        <v>60</v>
      </c>
      <c r="F266" s="518"/>
      <c r="G266" s="508" t="s">
        <v>446</v>
      </c>
      <c r="H266" s="508"/>
      <c r="I266" s="508"/>
      <c r="J266" s="508"/>
      <c r="K266" s="508"/>
      <c r="L266" s="508"/>
      <c r="M266" s="508"/>
      <c r="N266" s="508"/>
      <c r="O266" s="508"/>
      <c r="P266" s="508"/>
      <c r="Q266" s="508"/>
      <c r="R266" s="508"/>
      <c r="S266" s="561"/>
      <c r="T266" s="218"/>
      <c r="U266" s="219" t="s">
        <v>18</v>
      </c>
      <c r="V266" s="219"/>
      <c r="W266" s="219"/>
      <c r="X266" s="219" t="s">
        <v>0</v>
      </c>
      <c r="Y266" s="219"/>
      <c r="Z266" s="219"/>
      <c r="AA266" s="219" t="s">
        <v>22</v>
      </c>
      <c r="AB266" s="219"/>
      <c r="AC266" s="219"/>
      <c r="AD266" s="219"/>
      <c r="AE266" s="219"/>
      <c r="AF266" s="219"/>
      <c r="AG266" s="219"/>
      <c r="AH266" s="219"/>
      <c r="AI266" s="219"/>
      <c r="AJ266" s="219"/>
      <c r="AK266" s="219"/>
      <c r="AL266" s="219"/>
      <c r="AM266" s="219"/>
      <c r="AN266" s="219"/>
      <c r="AO266" s="219"/>
      <c r="AP266" s="219"/>
      <c r="AQ266" s="219"/>
      <c r="AR266" s="219"/>
      <c r="AS266" s="219"/>
      <c r="AT266" s="219"/>
      <c r="AU266" s="219"/>
      <c r="AV266" s="219"/>
      <c r="AW266" s="219"/>
      <c r="AX266" s="219"/>
      <c r="AY266" s="219"/>
      <c r="AZ266" s="219"/>
      <c r="BA266" s="219"/>
      <c r="BB266" s="219"/>
      <c r="BC266" s="219"/>
      <c r="BD266" s="219"/>
      <c r="BE266" s="219"/>
      <c r="BF266" s="219"/>
      <c r="BG266" s="219"/>
      <c r="BH266" s="219"/>
      <c r="BI266" s="219"/>
      <c r="BJ266" s="219"/>
      <c r="BK266" s="219"/>
      <c r="BL266" s="219"/>
      <c r="BM266" s="219"/>
      <c r="BN266" s="220"/>
    </row>
    <row r="267" spans="4:66" ht="20.100000000000001" customHeight="1">
      <c r="D267" s="525"/>
      <c r="E267" s="516">
        <v>61</v>
      </c>
      <c r="F267" s="577"/>
      <c r="G267" s="402" t="s">
        <v>491</v>
      </c>
      <c r="H267" s="580"/>
      <c r="I267" s="580"/>
      <c r="J267" s="580"/>
      <c r="K267" s="580"/>
      <c r="L267" s="580"/>
      <c r="M267" s="580"/>
      <c r="N267" s="580"/>
      <c r="O267" s="580"/>
      <c r="P267" s="580"/>
      <c r="Q267" s="580"/>
      <c r="R267" s="580"/>
      <c r="S267" s="581"/>
      <c r="T267" s="267"/>
      <c r="U267" s="277" t="s">
        <v>18</v>
      </c>
      <c r="V267" s="266"/>
      <c r="W267" s="266"/>
      <c r="X267" s="277" t="s">
        <v>0</v>
      </c>
      <c r="Y267" s="266"/>
      <c r="Z267" s="266"/>
      <c r="AA267" s="277" t="s">
        <v>22</v>
      </c>
      <c r="AB267" s="266"/>
      <c r="AC267" s="268"/>
      <c r="AD267" s="269" t="s">
        <v>492</v>
      </c>
      <c r="AE267" s="270"/>
      <c r="AF267" s="270"/>
      <c r="AG267" s="270"/>
      <c r="AH267" s="270"/>
      <c r="AI267" s="270"/>
      <c r="AJ267" s="270"/>
      <c r="AK267" s="270"/>
      <c r="AL267" s="270"/>
      <c r="AM267" s="270"/>
      <c r="AN267" s="270"/>
      <c r="AO267" s="270"/>
      <c r="AP267" s="270"/>
      <c r="AQ267" s="270"/>
      <c r="AR267" s="270"/>
      <c r="AS267" s="270"/>
      <c r="AT267" s="270"/>
      <c r="AU267" s="270"/>
      <c r="AV267" s="270"/>
      <c r="AW267" s="270"/>
      <c r="AX267" s="270"/>
      <c r="AY267" s="270"/>
      <c r="AZ267" s="270"/>
      <c r="BA267" s="270"/>
      <c r="BB267" s="270"/>
      <c r="BC267" s="266"/>
      <c r="BD267" s="266"/>
      <c r="BE267" s="266"/>
      <c r="BF267" s="266"/>
      <c r="BG267" s="266"/>
      <c r="BH267" s="266"/>
      <c r="BI267" s="266"/>
      <c r="BJ267" s="266"/>
      <c r="BK267" s="266"/>
      <c r="BL267" s="266"/>
      <c r="BM267" s="266"/>
      <c r="BN267" s="174"/>
    </row>
    <row r="268" spans="4:66" ht="26.25" customHeight="1">
      <c r="D268" s="575"/>
      <c r="E268" s="521"/>
      <c r="F268" s="578"/>
      <c r="G268" s="347"/>
      <c r="H268" s="582"/>
      <c r="I268" s="582"/>
      <c r="J268" s="582"/>
      <c r="K268" s="582"/>
      <c r="L268" s="582"/>
      <c r="M268" s="582"/>
      <c r="N268" s="582"/>
      <c r="O268" s="582"/>
      <c r="P268" s="582"/>
      <c r="Q268" s="582"/>
      <c r="R268" s="582"/>
      <c r="S268" s="583"/>
      <c r="T268" s="271"/>
      <c r="U268" s="308"/>
      <c r="V268" s="169"/>
      <c r="W268" s="169"/>
      <c r="X268" s="308"/>
      <c r="Y268" s="169"/>
      <c r="Z268" s="169"/>
      <c r="AA268" s="308"/>
      <c r="AB268" s="169"/>
      <c r="AC268" s="272"/>
      <c r="AD268" s="273"/>
      <c r="AE268" s="160"/>
      <c r="AF268" s="239" t="s">
        <v>493</v>
      </c>
      <c r="AG268" s="160"/>
      <c r="AH268" s="160"/>
      <c r="AI268" s="160"/>
      <c r="AJ268" s="160"/>
      <c r="AK268" s="160"/>
      <c r="AL268" s="160"/>
      <c r="AM268" s="160"/>
      <c r="AN268" s="160"/>
      <c r="AO268" s="160"/>
      <c r="AP268" s="160"/>
      <c r="AQ268" s="188" t="s">
        <v>0</v>
      </c>
      <c r="AR268" s="188"/>
      <c r="AS268" s="160"/>
      <c r="AT268" s="160"/>
      <c r="AU268" s="160"/>
      <c r="AV268" s="239" t="s">
        <v>494</v>
      </c>
      <c r="AW268" s="160"/>
      <c r="AX268" s="160"/>
      <c r="AY268" s="160"/>
      <c r="AZ268" s="160"/>
      <c r="BA268" s="160"/>
      <c r="BB268" s="160"/>
      <c r="BC268" s="169"/>
      <c r="BD268" s="169"/>
      <c r="BE268" s="169"/>
      <c r="BF268" s="169"/>
      <c r="BG268" s="169"/>
      <c r="BH268" s="169"/>
      <c r="BI268" s="169"/>
      <c r="BJ268" s="169"/>
      <c r="BK268" s="169"/>
      <c r="BL268" s="169"/>
      <c r="BM268" s="169"/>
      <c r="BN268" s="261"/>
    </row>
    <row r="269" spans="4:66" ht="17.25" customHeight="1">
      <c r="D269" s="575"/>
      <c r="E269" s="521"/>
      <c r="F269" s="578"/>
      <c r="G269" s="347"/>
      <c r="H269" s="582"/>
      <c r="I269" s="582"/>
      <c r="J269" s="582"/>
      <c r="K269" s="582"/>
      <c r="L269" s="582"/>
      <c r="M269" s="582"/>
      <c r="N269" s="582"/>
      <c r="O269" s="582"/>
      <c r="P269" s="582"/>
      <c r="Q269" s="582"/>
      <c r="R269" s="582"/>
      <c r="S269" s="583"/>
      <c r="T269" s="271"/>
      <c r="U269" s="308"/>
      <c r="V269" s="169"/>
      <c r="W269" s="169"/>
      <c r="X269" s="308"/>
      <c r="Y269" s="169"/>
      <c r="Z269" s="169"/>
      <c r="AA269" s="308"/>
      <c r="AB269" s="169"/>
      <c r="AC269" s="272"/>
      <c r="AD269" s="273"/>
      <c r="AE269" s="160"/>
      <c r="AF269" s="273" t="s">
        <v>495</v>
      </c>
      <c r="AG269" s="160"/>
      <c r="AH269" s="160"/>
      <c r="AI269" s="160"/>
      <c r="AJ269" s="160"/>
      <c r="AK269" s="160"/>
      <c r="AL269" s="160"/>
      <c r="AM269" s="160"/>
      <c r="AN269" s="160"/>
      <c r="AO269" s="160"/>
      <c r="AP269" s="160"/>
      <c r="AQ269" s="160"/>
      <c r="AR269" s="160"/>
      <c r="AS269" s="160"/>
      <c r="AT269" s="160"/>
      <c r="AU269" s="160"/>
      <c r="AV269" s="160"/>
      <c r="AW269" s="160"/>
      <c r="AX269" s="160"/>
      <c r="AY269" s="160"/>
      <c r="AZ269" s="160"/>
      <c r="BA269" s="160"/>
      <c r="BB269" s="160"/>
      <c r="BC269" s="169"/>
      <c r="BD269" s="169"/>
      <c r="BE269" s="169"/>
      <c r="BF269" s="169"/>
      <c r="BG269" s="169"/>
      <c r="BH269" s="169"/>
      <c r="BI269" s="169"/>
      <c r="BJ269" s="169"/>
      <c r="BK269" s="169"/>
      <c r="BL269" s="169"/>
      <c r="BM269" s="169"/>
      <c r="BN269" s="261"/>
    </row>
    <row r="270" spans="4:66" ht="39" customHeight="1">
      <c r="D270" s="576"/>
      <c r="E270" s="579"/>
      <c r="F270" s="579"/>
      <c r="G270" s="584"/>
      <c r="H270" s="584"/>
      <c r="I270" s="584"/>
      <c r="J270" s="584"/>
      <c r="K270" s="584"/>
      <c r="L270" s="584"/>
      <c r="M270" s="584"/>
      <c r="N270" s="584"/>
      <c r="O270" s="584"/>
      <c r="P270" s="584"/>
      <c r="Q270" s="584"/>
      <c r="R270" s="584"/>
      <c r="S270" s="585"/>
      <c r="T270" s="194"/>
      <c r="U270" s="586"/>
      <c r="V270" s="176"/>
      <c r="W270" s="176"/>
      <c r="X270" s="586"/>
      <c r="Y270" s="176"/>
      <c r="Z270" s="176"/>
      <c r="AA270" s="586"/>
      <c r="AB270" s="176"/>
      <c r="AC270" s="195"/>
      <c r="AD270" s="176"/>
      <c r="AE270" s="176"/>
      <c r="AF270" s="196" t="s">
        <v>496</v>
      </c>
      <c r="AG270" s="176"/>
      <c r="AH270" s="176"/>
      <c r="AI270" s="176"/>
      <c r="AJ270" s="176"/>
      <c r="AK270" s="176"/>
      <c r="AL270" s="176"/>
      <c r="AM270" s="176"/>
      <c r="AN270" s="176"/>
      <c r="AO270" s="176"/>
      <c r="AP270" s="176"/>
      <c r="AQ270" s="176"/>
      <c r="AR270" s="176"/>
      <c r="AS270" s="176"/>
      <c r="AT270" s="176"/>
      <c r="AU270" s="176"/>
      <c r="AV270" s="196"/>
      <c r="AW270" s="176"/>
      <c r="AX270" s="176"/>
      <c r="AY270" s="176"/>
      <c r="AZ270" s="176"/>
      <c r="BA270" s="176"/>
      <c r="BB270" s="176"/>
      <c r="BC270" s="176"/>
      <c r="BD270" s="176"/>
      <c r="BE270" s="176"/>
      <c r="BF270" s="176"/>
      <c r="BG270" s="176"/>
      <c r="BH270" s="176"/>
      <c r="BI270" s="176"/>
      <c r="BJ270" s="176"/>
      <c r="BK270" s="176"/>
      <c r="BL270" s="176"/>
      <c r="BM270" s="176"/>
      <c r="BN270" s="214"/>
    </row>
    <row r="271" spans="4:66" ht="13.95" customHeight="1">
      <c r="E271" s="248"/>
      <c r="F271" s="248"/>
      <c r="G271" s="200"/>
      <c r="H271" s="200"/>
      <c r="I271" s="200"/>
      <c r="J271" s="200"/>
      <c r="K271" s="200"/>
      <c r="L271" s="200"/>
      <c r="M271" s="200"/>
      <c r="N271" s="200"/>
      <c r="O271" s="200"/>
      <c r="P271" s="200"/>
      <c r="Q271" s="200"/>
      <c r="R271" s="200"/>
      <c r="S271" s="200"/>
      <c r="T271" s="188"/>
      <c r="U271" s="188"/>
      <c r="V271" s="188"/>
      <c r="W271" s="188"/>
      <c r="X271" s="188"/>
      <c r="Y271" s="188"/>
      <c r="Z271" s="188"/>
      <c r="AA271" s="188"/>
      <c r="AB271" s="188"/>
      <c r="AC271" s="188"/>
      <c r="AD271" s="188"/>
      <c r="AE271" s="188"/>
      <c r="AF271" s="188"/>
      <c r="AG271" s="188"/>
      <c r="AH271" s="188"/>
      <c r="AI271" s="188"/>
      <c r="AJ271" s="188"/>
      <c r="AK271" s="188"/>
      <c r="AL271" s="188"/>
      <c r="AM271" s="188"/>
      <c r="AN271" s="188"/>
      <c r="AO271" s="188"/>
      <c r="AP271" s="188"/>
      <c r="AQ271" s="188"/>
      <c r="AR271" s="188"/>
      <c r="AS271" s="188"/>
      <c r="AT271" s="188"/>
      <c r="AU271" s="188"/>
      <c r="AV271" s="188"/>
      <c r="AW271" s="188"/>
      <c r="AX271" s="188"/>
      <c r="AY271" s="188"/>
      <c r="AZ271" s="188"/>
      <c r="BA271" s="188"/>
      <c r="BB271" s="188"/>
      <c r="BC271" s="188"/>
      <c r="BD271" s="188"/>
      <c r="BE271" s="188"/>
      <c r="BF271" s="188"/>
      <c r="BG271" s="188"/>
      <c r="BH271" s="188"/>
      <c r="BI271" s="188"/>
      <c r="BJ271" s="188"/>
      <c r="BK271" s="188"/>
      <c r="BL271" s="188"/>
      <c r="BM271" s="188"/>
      <c r="BN271" s="188"/>
    </row>
    <row r="272" spans="4:66" ht="6.75" customHeight="1">
      <c r="D272" s="62"/>
      <c r="E272" s="34"/>
      <c r="F272" s="62"/>
      <c r="G272" s="62"/>
      <c r="H272" s="62"/>
      <c r="I272" s="62"/>
      <c r="J272" s="62"/>
      <c r="K272" s="62"/>
      <c r="L272" s="62"/>
      <c r="M272" s="62"/>
      <c r="N272" s="62"/>
      <c r="O272" s="62"/>
      <c r="P272" s="62"/>
      <c r="Q272" s="62"/>
      <c r="R272" s="62"/>
      <c r="S272" s="62"/>
      <c r="T272" s="62"/>
      <c r="U272" s="62"/>
      <c r="V272" s="62"/>
      <c r="W272" s="62"/>
      <c r="X272" s="62"/>
      <c r="Y272" s="62"/>
      <c r="Z272" s="62"/>
      <c r="AA272" s="62"/>
      <c r="AB272" s="62"/>
      <c r="AC272" s="62"/>
      <c r="AD272" s="62"/>
      <c r="AE272" s="62"/>
      <c r="AF272" s="62"/>
      <c r="AG272" s="62"/>
      <c r="AH272" s="62"/>
      <c r="AI272" s="62"/>
      <c r="AJ272" s="62"/>
      <c r="AK272" s="62"/>
      <c r="AL272" s="62"/>
      <c r="AM272" s="62"/>
      <c r="AN272" s="62"/>
      <c r="AO272" s="62"/>
      <c r="AP272" s="62"/>
      <c r="AQ272" s="62"/>
      <c r="AR272" s="62"/>
      <c r="AS272" s="62"/>
      <c r="AT272" s="62"/>
      <c r="AU272" s="62"/>
      <c r="AV272" s="62"/>
      <c r="AW272" s="62"/>
      <c r="AX272" s="62"/>
      <c r="AY272" s="62"/>
      <c r="AZ272" s="62"/>
      <c r="BA272" s="62"/>
      <c r="BB272" s="62"/>
      <c r="BC272" s="62"/>
      <c r="BD272" s="62"/>
      <c r="BE272" s="62"/>
      <c r="BF272" s="62"/>
      <c r="BG272" s="62"/>
      <c r="BH272" s="62"/>
      <c r="BI272" s="62"/>
      <c r="BJ272" s="62"/>
      <c r="BK272" s="62"/>
    </row>
    <row r="273" spans="1:62" ht="12" customHeight="1">
      <c r="A273" s="260"/>
      <c r="P273" s="188"/>
      <c r="Q273" s="188"/>
    </row>
    <row r="274" spans="1:62" ht="21.75" customHeight="1">
      <c r="A274" s="260"/>
      <c r="D274" s="275" t="s">
        <v>505</v>
      </c>
      <c r="E274" s="275"/>
      <c r="F274" s="275"/>
      <c r="G274" s="275"/>
      <c r="H274" s="275"/>
      <c r="I274" s="275"/>
      <c r="J274" s="275"/>
      <c r="K274" s="275"/>
      <c r="L274" s="275"/>
      <c r="M274" s="275"/>
      <c r="N274" s="275"/>
      <c r="O274" s="275"/>
      <c r="P274" s="275"/>
      <c r="Q274" s="275"/>
      <c r="R274" s="275"/>
      <c r="S274" s="275"/>
      <c r="T274" s="275"/>
      <c r="U274" s="275"/>
      <c r="V274" s="275"/>
      <c r="W274" s="275"/>
      <c r="X274" s="275"/>
      <c r="Y274" s="275"/>
      <c r="Z274" s="275"/>
      <c r="AA274" s="275"/>
      <c r="AB274" s="275"/>
      <c r="AC274" s="275"/>
      <c r="AD274" s="275"/>
      <c r="AE274" s="275"/>
      <c r="AF274" s="275"/>
      <c r="AG274" s="275"/>
      <c r="AH274" s="275"/>
      <c r="AI274" s="275"/>
      <c r="AJ274" s="275"/>
      <c r="AK274" s="275"/>
      <c r="AL274" s="275"/>
      <c r="AM274" s="275"/>
      <c r="AN274" s="275"/>
      <c r="AO274" s="275"/>
      <c r="AP274" s="275"/>
      <c r="AQ274" s="275"/>
      <c r="AR274" s="275"/>
      <c r="AS274" s="275"/>
      <c r="AT274" s="275"/>
      <c r="AU274" s="275"/>
      <c r="AV274" s="275"/>
      <c r="AW274" s="275"/>
      <c r="AX274" s="275"/>
      <c r="AY274" s="275"/>
      <c r="AZ274" s="275"/>
      <c r="BA274" s="275"/>
      <c r="BB274" s="275"/>
      <c r="BC274" s="275"/>
      <c r="BD274" s="275"/>
      <c r="BE274" s="275"/>
      <c r="BF274" s="275"/>
      <c r="BG274" s="275"/>
      <c r="BH274" s="275"/>
      <c r="BI274" s="275"/>
      <c r="BJ274" s="275"/>
    </row>
    <row r="275" spans="1:62" ht="21.75" customHeight="1">
      <c r="D275" s="414" t="s">
        <v>367</v>
      </c>
      <c r="E275" s="415"/>
      <c r="F275" s="415"/>
      <c r="G275" s="415"/>
      <c r="H275" s="415"/>
      <c r="I275" s="415"/>
      <c r="J275" s="415"/>
      <c r="K275" s="415"/>
      <c r="L275" s="415"/>
      <c r="M275" s="415"/>
      <c r="N275" s="416"/>
      <c r="O275" s="414" t="s">
        <v>368</v>
      </c>
      <c r="P275" s="415"/>
      <c r="Q275" s="415"/>
      <c r="R275" s="415"/>
      <c r="S275" s="415"/>
      <c r="T275" s="415"/>
      <c r="U275" s="415"/>
      <c r="V275" s="415"/>
      <c r="W275" s="415"/>
      <c r="X275" s="415"/>
      <c r="Y275" s="415"/>
      <c r="Z275" s="416"/>
      <c r="AA275" s="564" t="s">
        <v>379</v>
      </c>
      <c r="AB275" s="565"/>
      <c r="AC275" s="566"/>
      <c r="AD275" s="537" t="s">
        <v>369</v>
      </c>
      <c r="AE275" s="538"/>
      <c r="AF275" s="538"/>
      <c r="AG275" s="538"/>
      <c r="AH275" s="538"/>
      <c r="AI275" s="538"/>
      <c r="AJ275" s="538"/>
      <c r="AK275" s="538"/>
      <c r="AL275" s="538"/>
      <c r="AM275" s="538"/>
      <c r="AN275" s="538"/>
      <c r="AO275" s="538"/>
      <c r="AP275" s="538"/>
      <c r="AQ275" s="538"/>
      <c r="AR275" s="538"/>
      <c r="AS275" s="538"/>
      <c r="AT275" s="538"/>
      <c r="AU275" s="538"/>
      <c r="AV275" s="538"/>
      <c r="AW275" s="538"/>
      <c r="AX275" s="538"/>
      <c r="AY275" s="539"/>
      <c r="AZ275" s="525" t="s">
        <v>370</v>
      </c>
      <c r="BA275" s="570"/>
      <c r="BB275" s="571"/>
      <c r="BC275" s="525" t="s">
        <v>371</v>
      </c>
      <c r="BD275" s="526"/>
      <c r="BE275" s="526"/>
      <c r="BF275" s="526"/>
      <c r="BG275" s="526"/>
      <c r="BH275" s="526"/>
      <c r="BI275" s="526"/>
      <c r="BJ275" s="527"/>
    </row>
    <row r="276" spans="1:62" ht="21.75" customHeight="1">
      <c r="D276" s="562"/>
      <c r="E276" s="483"/>
      <c r="F276" s="483"/>
      <c r="G276" s="483"/>
      <c r="H276" s="483"/>
      <c r="I276" s="483"/>
      <c r="J276" s="483"/>
      <c r="K276" s="483"/>
      <c r="L276" s="483"/>
      <c r="M276" s="483"/>
      <c r="N276" s="563"/>
      <c r="O276" s="562"/>
      <c r="P276" s="483"/>
      <c r="Q276" s="483"/>
      <c r="R276" s="483"/>
      <c r="S276" s="483"/>
      <c r="T276" s="483"/>
      <c r="U276" s="483"/>
      <c r="V276" s="483"/>
      <c r="W276" s="483"/>
      <c r="X276" s="483"/>
      <c r="Y276" s="483"/>
      <c r="Z276" s="563"/>
      <c r="AA276" s="567"/>
      <c r="AB276" s="568"/>
      <c r="AC276" s="569"/>
      <c r="AD276" s="540"/>
      <c r="AE276" s="541"/>
      <c r="AF276" s="541"/>
      <c r="AG276" s="541"/>
      <c r="AH276" s="541"/>
      <c r="AI276" s="541"/>
      <c r="AJ276" s="541"/>
      <c r="AK276" s="541"/>
      <c r="AL276" s="541"/>
      <c r="AM276" s="541"/>
      <c r="AN276" s="541"/>
      <c r="AO276" s="541"/>
      <c r="AP276" s="541"/>
      <c r="AQ276" s="541"/>
      <c r="AR276" s="541"/>
      <c r="AS276" s="541"/>
      <c r="AT276" s="541"/>
      <c r="AU276" s="541"/>
      <c r="AV276" s="541"/>
      <c r="AW276" s="541"/>
      <c r="AX276" s="541"/>
      <c r="AY276" s="542"/>
      <c r="AZ276" s="572"/>
      <c r="BA276" s="573"/>
      <c r="BB276" s="574"/>
      <c r="BC276" s="528"/>
      <c r="BD276" s="529"/>
      <c r="BE276" s="529"/>
      <c r="BF276" s="529"/>
      <c r="BG276" s="529"/>
      <c r="BH276" s="529"/>
      <c r="BI276" s="529"/>
      <c r="BJ276" s="530"/>
    </row>
    <row r="277" spans="1:62" ht="21.75" customHeight="1">
      <c r="D277" s="531" t="s">
        <v>376</v>
      </c>
      <c r="E277" s="532"/>
      <c r="F277" s="532"/>
      <c r="G277" s="532"/>
      <c r="H277" s="532"/>
      <c r="I277" s="532"/>
      <c r="J277" s="532"/>
      <c r="K277" s="532"/>
      <c r="L277" s="532"/>
      <c r="M277" s="532"/>
      <c r="N277" s="533"/>
      <c r="O277" s="531" t="s">
        <v>372</v>
      </c>
      <c r="P277" s="532"/>
      <c r="Q277" s="532"/>
      <c r="R277" s="532"/>
      <c r="S277" s="532"/>
      <c r="T277" s="532"/>
      <c r="U277" s="532"/>
      <c r="V277" s="532"/>
      <c r="W277" s="532"/>
      <c r="X277" s="532"/>
      <c r="Y277" s="532"/>
      <c r="Z277" s="533"/>
      <c r="AA277" s="537"/>
      <c r="AB277" s="538"/>
      <c r="AC277" s="539"/>
      <c r="AD277" s="543" t="s">
        <v>373</v>
      </c>
      <c r="AE277" s="544"/>
      <c r="AF277" s="544"/>
      <c r="AG277" s="544"/>
      <c r="AH277" s="544"/>
      <c r="AI277" s="544"/>
      <c r="AJ277" s="544"/>
      <c r="AK277" s="544"/>
      <c r="AL277" s="544"/>
      <c r="AM277" s="544"/>
      <c r="AN277" s="544"/>
      <c r="AO277" s="544"/>
      <c r="AP277" s="544"/>
      <c r="AQ277" s="544"/>
      <c r="AR277" s="544"/>
      <c r="AS277" s="544"/>
      <c r="AT277" s="544"/>
      <c r="AU277" s="544"/>
      <c r="AV277" s="544"/>
      <c r="AW277" s="544"/>
      <c r="AX277" s="544"/>
      <c r="AY277" s="545"/>
      <c r="AZ277" s="549" t="s">
        <v>4</v>
      </c>
      <c r="BA277" s="550"/>
      <c r="BB277" s="551"/>
      <c r="BC277" s="555" t="s">
        <v>374</v>
      </c>
      <c r="BD277" s="556"/>
      <c r="BE277" s="556"/>
      <c r="BF277" s="556"/>
      <c r="BG277" s="556"/>
      <c r="BH277" s="556"/>
      <c r="BI277" s="556"/>
      <c r="BJ277" s="557"/>
    </row>
    <row r="278" spans="1:62" ht="21.75" customHeight="1">
      <c r="D278" s="534"/>
      <c r="E278" s="535"/>
      <c r="F278" s="535"/>
      <c r="G278" s="535"/>
      <c r="H278" s="535"/>
      <c r="I278" s="535"/>
      <c r="J278" s="535"/>
      <c r="K278" s="535"/>
      <c r="L278" s="535"/>
      <c r="M278" s="535"/>
      <c r="N278" s="536"/>
      <c r="O278" s="534"/>
      <c r="P278" s="535"/>
      <c r="Q278" s="535"/>
      <c r="R278" s="535"/>
      <c r="S278" s="535"/>
      <c r="T278" s="535"/>
      <c r="U278" s="535"/>
      <c r="V278" s="535"/>
      <c r="W278" s="535"/>
      <c r="X278" s="535"/>
      <c r="Y278" s="535"/>
      <c r="Z278" s="536"/>
      <c r="AA278" s="540"/>
      <c r="AB278" s="541"/>
      <c r="AC278" s="542"/>
      <c r="AD278" s="546"/>
      <c r="AE278" s="547"/>
      <c r="AF278" s="547"/>
      <c r="AG278" s="547"/>
      <c r="AH278" s="547"/>
      <c r="AI278" s="547"/>
      <c r="AJ278" s="547"/>
      <c r="AK278" s="547"/>
      <c r="AL278" s="547"/>
      <c r="AM278" s="547"/>
      <c r="AN278" s="547"/>
      <c r="AO278" s="547"/>
      <c r="AP278" s="547"/>
      <c r="AQ278" s="547"/>
      <c r="AR278" s="547"/>
      <c r="AS278" s="547"/>
      <c r="AT278" s="547"/>
      <c r="AU278" s="547"/>
      <c r="AV278" s="547"/>
      <c r="AW278" s="547"/>
      <c r="AX278" s="547"/>
      <c r="AY278" s="548"/>
      <c r="AZ278" s="552"/>
      <c r="BA278" s="553"/>
      <c r="BB278" s="554"/>
      <c r="BC278" s="558" t="s">
        <v>375</v>
      </c>
      <c r="BD278" s="559"/>
      <c r="BE278" s="559"/>
      <c r="BF278" s="559"/>
      <c r="BG278" s="559"/>
      <c r="BH278" s="559"/>
      <c r="BI278" s="559"/>
      <c r="BJ278" s="560"/>
    </row>
    <row r="279" spans="1:62" ht="21.75" customHeight="1">
      <c r="A279" s="260"/>
      <c r="D279" s="531" t="s">
        <v>376</v>
      </c>
      <c r="E279" s="532"/>
      <c r="F279" s="532"/>
      <c r="G279" s="532"/>
      <c r="H279" s="532"/>
      <c r="I279" s="532"/>
      <c r="J279" s="532"/>
      <c r="K279" s="532"/>
      <c r="L279" s="532"/>
      <c r="M279" s="532"/>
      <c r="N279" s="533"/>
      <c r="O279" s="531" t="s">
        <v>372</v>
      </c>
      <c r="P279" s="532"/>
      <c r="Q279" s="532"/>
      <c r="R279" s="532"/>
      <c r="S279" s="532"/>
      <c r="T279" s="532"/>
      <c r="U279" s="532"/>
      <c r="V279" s="532"/>
      <c r="W279" s="532"/>
      <c r="X279" s="532"/>
      <c r="Y279" s="532"/>
      <c r="Z279" s="533"/>
      <c r="AA279" s="537"/>
      <c r="AB279" s="538"/>
      <c r="AC279" s="539"/>
      <c r="AD279" s="543" t="s">
        <v>373</v>
      </c>
      <c r="AE279" s="544"/>
      <c r="AF279" s="544"/>
      <c r="AG279" s="544"/>
      <c r="AH279" s="544"/>
      <c r="AI279" s="544"/>
      <c r="AJ279" s="544"/>
      <c r="AK279" s="544"/>
      <c r="AL279" s="544"/>
      <c r="AM279" s="544"/>
      <c r="AN279" s="544"/>
      <c r="AO279" s="544"/>
      <c r="AP279" s="544"/>
      <c r="AQ279" s="544"/>
      <c r="AR279" s="544"/>
      <c r="AS279" s="544"/>
      <c r="AT279" s="544"/>
      <c r="AU279" s="544"/>
      <c r="AV279" s="544"/>
      <c r="AW279" s="544"/>
      <c r="AX279" s="544"/>
      <c r="AY279" s="545"/>
      <c r="AZ279" s="549" t="s">
        <v>4</v>
      </c>
      <c r="BA279" s="550"/>
      <c r="BB279" s="551"/>
      <c r="BC279" s="555" t="s">
        <v>377</v>
      </c>
      <c r="BD279" s="556"/>
      <c r="BE279" s="556"/>
      <c r="BF279" s="556"/>
      <c r="BG279" s="556"/>
      <c r="BH279" s="556"/>
      <c r="BI279" s="556"/>
      <c r="BJ279" s="557"/>
    </row>
    <row r="280" spans="1:62" ht="21.75" customHeight="1">
      <c r="D280" s="534"/>
      <c r="E280" s="535"/>
      <c r="F280" s="535"/>
      <c r="G280" s="535"/>
      <c r="H280" s="535"/>
      <c r="I280" s="535"/>
      <c r="J280" s="535"/>
      <c r="K280" s="535"/>
      <c r="L280" s="535"/>
      <c r="M280" s="535"/>
      <c r="N280" s="536"/>
      <c r="O280" s="534"/>
      <c r="P280" s="535"/>
      <c r="Q280" s="535"/>
      <c r="R280" s="535"/>
      <c r="S280" s="535"/>
      <c r="T280" s="535"/>
      <c r="U280" s="535"/>
      <c r="V280" s="535"/>
      <c r="W280" s="535"/>
      <c r="X280" s="535"/>
      <c r="Y280" s="535"/>
      <c r="Z280" s="536"/>
      <c r="AA280" s="540"/>
      <c r="AB280" s="541"/>
      <c r="AC280" s="542"/>
      <c r="AD280" s="546"/>
      <c r="AE280" s="547"/>
      <c r="AF280" s="547"/>
      <c r="AG280" s="547"/>
      <c r="AH280" s="547"/>
      <c r="AI280" s="547"/>
      <c r="AJ280" s="547"/>
      <c r="AK280" s="547"/>
      <c r="AL280" s="547"/>
      <c r="AM280" s="547"/>
      <c r="AN280" s="547"/>
      <c r="AO280" s="547"/>
      <c r="AP280" s="547"/>
      <c r="AQ280" s="547"/>
      <c r="AR280" s="547"/>
      <c r="AS280" s="547"/>
      <c r="AT280" s="547"/>
      <c r="AU280" s="547"/>
      <c r="AV280" s="547"/>
      <c r="AW280" s="547"/>
      <c r="AX280" s="547"/>
      <c r="AY280" s="548"/>
      <c r="AZ280" s="552"/>
      <c r="BA280" s="553"/>
      <c r="BB280" s="554"/>
      <c r="BC280" s="558" t="s">
        <v>375</v>
      </c>
      <c r="BD280" s="559"/>
      <c r="BE280" s="559"/>
      <c r="BF280" s="559"/>
      <c r="BG280" s="559"/>
      <c r="BH280" s="559"/>
      <c r="BI280" s="559"/>
      <c r="BJ280" s="560"/>
    </row>
    <row r="281" spans="1:62" ht="21.75" customHeight="1">
      <c r="A281" s="26"/>
      <c r="D281" s="531" t="s">
        <v>376</v>
      </c>
      <c r="E281" s="532"/>
      <c r="F281" s="532"/>
      <c r="G281" s="532"/>
      <c r="H281" s="532"/>
      <c r="I281" s="532"/>
      <c r="J281" s="532"/>
      <c r="K281" s="532"/>
      <c r="L281" s="532"/>
      <c r="M281" s="532"/>
      <c r="N281" s="533"/>
      <c r="O281" s="531" t="s">
        <v>372</v>
      </c>
      <c r="P281" s="532"/>
      <c r="Q281" s="532"/>
      <c r="R281" s="532"/>
      <c r="S281" s="532"/>
      <c r="T281" s="532"/>
      <c r="U281" s="532"/>
      <c r="V281" s="532"/>
      <c r="W281" s="532"/>
      <c r="X281" s="532"/>
      <c r="Y281" s="532"/>
      <c r="Z281" s="533"/>
      <c r="AA281" s="537"/>
      <c r="AB281" s="538"/>
      <c r="AC281" s="539"/>
      <c r="AD281" s="543" t="s">
        <v>373</v>
      </c>
      <c r="AE281" s="544"/>
      <c r="AF281" s="544"/>
      <c r="AG281" s="544"/>
      <c r="AH281" s="544"/>
      <c r="AI281" s="544"/>
      <c r="AJ281" s="544"/>
      <c r="AK281" s="544"/>
      <c r="AL281" s="544"/>
      <c r="AM281" s="544"/>
      <c r="AN281" s="544"/>
      <c r="AO281" s="544"/>
      <c r="AP281" s="544"/>
      <c r="AQ281" s="544"/>
      <c r="AR281" s="544"/>
      <c r="AS281" s="544"/>
      <c r="AT281" s="544"/>
      <c r="AU281" s="544"/>
      <c r="AV281" s="544"/>
      <c r="AW281" s="544"/>
      <c r="AX281" s="544"/>
      <c r="AY281" s="545"/>
      <c r="AZ281" s="549" t="s">
        <v>4</v>
      </c>
      <c r="BA281" s="550"/>
      <c r="BB281" s="551"/>
      <c r="BC281" s="555" t="s">
        <v>377</v>
      </c>
      <c r="BD281" s="556"/>
      <c r="BE281" s="556"/>
      <c r="BF281" s="556"/>
      <c r="BG281" s="556"/>
      <c r="BH281" s="556"/>
      <c r="BI281" s="556"/>
      <c r="BJ281" s="557"/>
    </row>
    <row r="282" spans="1:62" ht="21.75" customHeight="1">
      <c r="A282" s="26"/>
      <c r="D282" s="534"/>
      <c r="E282" s="535"/>
      <c r="F282" s="535"/>
      <c r="G282" s="535"/>
      <c r="H282" s="535"/>
      <c r="I282" s="535"/>
      <c r="J282" s="535"/>
      <c r="K282" s="535"/>
      <c r="L282" s="535"/>
      <c r="M282" s="535"/>
      <c r="N282" s="536"/>
      <c r="O282" s="534"/>
      <c r="P282" s="535"/>
      <c r="Q282" s="535"/>
      <c r="R282" s="535"/>
      <c r="S282" s="535"/>
      <c r="T282" s="535"/>
      <c r="U282" s="535"/>
      <c r="V282" s="535"/>
      <c r="W282" s="535"/>
      <c r="X282" s="535"/>
      <c r="Y282" s="535"/>
      <c r="Z282" s="536"/>
      <c r="AA282" s="540"/>
      <c r="AB282" s="541"/>
      <c r="AC282" s="542"/>
      <c r="AD282" s="546"/>
      <c r="AE282" s="547"/>
      <c r="AF282" s="547"/>
      <c r="AG282" s="547"/>
      <c r="AH282" s="547"/>
      <c r="AI282" s="547"/>
      <c r="AJ282" s="547"/>
      <c r="AK282" s="547"/>
      <c r="AL282" s="547"/>
      <c r="AM282" s="547"/>
      <c r="AN282" s="547"/>
      <c r="AO282" s="547"/>
      <c r="AP282" s="547"/>
      <c r="AQ282" s="547"/>
      <c r="AR282" s="547"/>
      <c r="AS282" s="547"/>
      <c r="AT282" s="547"/>
      <c r="AU282" s="547"/>
      <c r="AV282" s="547"/>
      <c r="AW282" s="547"/>
      <c r="AX282" s="547"/>
      <c r="AY282" s="548"/>
      <c r="AZ282" s="552"/>
      <c r="BA282" s="553"/>
      <c r="BB282" s="554"/>
      <c r="BC282" s="558" t="s">
        <v>375</v>
      </c>
      <c r="BD282" s="559"/>
      <c r="BE282" s="559"/>
      <c r="BF282" s="559"/>
      <c r="BG282" s="559"/>
      <c r="BH282" s="559"/>
      <c r="BI282" s="559"/>
      <c r="BJ282" s="560"/>
    </row>
    <row r="283" spans="1:62" ht="21.75" customHeight="1">
      <c r="A283" s="260"/>
      <c r="B283" s="260"/>
      <c r="C283" s="260"/>
      <c r="D283" s="531" t="s">
        <v>376</v>
      </c>
      <c r="E283" s="532"/>
      <c r="F283" s="532"/>
      <c r="G283" s="532"/>
      <c r="H283" s="532"/>
      <c r="I283" s="532"/>
      <c r="J283" s="532"/>
      <c r="K283" s="532"/>
      <c r="L283" s="532"/>
      <c r="M283" s="532"/>
      <c r="N283" s="533"/>
      <c r="O283" s="531" t="s">
        <v>372</v>
      </c>
      <c r="P283" s="532"/>
      <c r="Q283" s="532"/>
      <c r="R283" s="532"/>
      <c r="S283" s="532"/>
      <c r="T283" s="532"/>
      <c r="U283" s="532"/>
      <c r="V283" s="532"/>
      <c r="W283" s="532"/>
      <c r="X283" s="532"/>
      <c r="Y283" s="532"/>
      <c r="Z283" s="533"/>
      <c r="AA283" s="537"/>
      <c r="AB283" s="538"/>
      <c r="AC283" s="539"/>
      <c r="AD283" s="543" t="s">
        <v>373</v>
      </c>
      <c r="AE283" s="544"/>
      <c r="AF283" s="544"/>
      <c r="AG283" s="544"/>
      <c r="AH283" s="544"/>
      <c r="AI283" s="544"/>
      <c r="AJ283" s="544"/>
      <c r="AK283" s="544"/>
      <c r="AL283" s="544"/>
      <c r="AM283" s="544"/>
      <c r="AN283" s="544"/>
      <c r="AO283" s="544"/>
      <c r="AP283" s="544"/>
      <c r="AQ283" s="544"/>
      <c r="AR283" s="544"/>
      <c r="AS283" s="544"/>
      <c r="AT283" s="544"/>
      <c r="AU283" s="544"/>
      <c r="AV283" s="544"/>
      <c r="AW283" s="544"/>
      <c r="AX283" s="544"/>
      <c r="AY283" s="545"/>
      <c r="AZ283" s="549" t="s">
        <v>4</v>
      </c>
      <c r="BA283" s="550"/>
      <c r="BB283" s="551"/>
      <c r="BC283" s="555" t="s">
        <v>377</v>
      </c>
      <c r="BD283" s="556"/>
      <c r="BE283" s="556"/>
      <c r="BF283" s="556"/>
      <c r="BG283" s="556"/>
      <c r="BH283" s="556"/>
      <c r="BI283" s="556"/>
      <c r="BJ283" s="557"/>
    </row>
    <row r="284" spans="1:62" ht="21.75" customHeight="1">
      <c r="C284" s="26"/>
      <c r="D284" s="534"/>
      <c r="E284" s="535"/>
      <c r="F284" s="535"/>
      <c r="G284" s="535"/>
      <c r="H284" s="535"/>
      <c r="I284" s="535"/>
      <c r="J284" s="535"/>
      <c r="K284" s="535"/>
      <c r="L284" s="535"/>
      <c r="M284" s="535"/>
      <c r="N284" s="536"/>
      <c r="O284" s="534"/>
      <c r="P284" s="535"/>
      <c r="Q284" s="535"/>
      <c r="R284" s="535"/>
      <c r="S284" s="535"/>
      <c r="T284" s="535"/>
      <c r="U284" s="535"/>
      <c r="V284" s="535"/>
      <c r="W284" s="535"/>
      <c r="X284" s="535"/>
      <c r="Y284" s="535"/>
      <c r="Z284" s="536"/>
      <c r="AA284" s="540"/>
      <c r="AB284" s="541"/>
      <c r="AC284" s="542"/>
      <c r="AD284" s="546"/>
      <c r="AE284" s="547"/>
      <c r="AF284" s="547"/>
      <c r="AG284" s="547"/>
      <c r="AH284" s="547"/>
      <c r="AI284" s="547"/>
      <c r="AJ284" s="547"/>
      <c r="AK284" s="547"/>
      <c r="AL284" s="547"/>
      <c r="AM284" s="547"/>
      <c r="AN284" s="547"/>
      <c r="AO284" s="547"/>
      <c r="AP284" s="547"/>
      <c r="AQ284" s="547"/>
      <c r="AR284" s="547"/>
      <c r="AS284" s="547"/>
      <c r="AT284" s="547"/>
      <c r="AU284" s="547"/>
      <c r="AV284" s="547"/>
      <c r="AW284" s="547"/>
      <c r="AX284" s="547"/>
      <c r="AY284" s="548"/>
      <c r="AZ284" s="552"/>
      <c r="BA284" s="553"/>
      <c r="BB284" s="554"/>
      <c r="BC284" s="558" t="s">
        <v>375</v>
      </c>
      <c r="BD284" s="559"/>
      <c r="BE284" s="559"/>
      <c r="BF284" s="559"/>
      <c r="BG284" s="559"/>
      <c r="BH284" s="559"/>
      <c r="BI284" s="559"/>
      <c r="BJ284" s="560"/>
    </row>
    <row r="285" spans="1:62" ht="21.75" customHeight="1">
      <c r="D285" s="531" t="s">
        <v>376</v>
      </c>
      <c r="E285" s="532"/>
      <c r="F285" s="532"/>
      <c r="G285" s="532"/>
      <c r="H285" s="532"/>
      <c r="I285" s="532"/>
      <c r="J285" s="532"/>
      <c r="K285" s="532"/>
      <c r="L285" s="532"/>
      <c r="M285" s="532"/>
      <c r="N285" s="533"/>
      <c r="O285" s="531" t="s">
        <v>372</v>
      </c>
      <c r="P285" s="532"/>
      <c r="Q285" s="532"/>
      <c r="R285" s="532"/>
      <c r="S285" s="532"/>
      <c r="T285" s="532"/>
      <c r="U285" s="532"/>
      <c r="V285" s="532"/>
      <c r="W285" s="532"/>
      <c r="X285" s="532"/>
      <c r="Y285" s="532"/>
      <c r="Z285" s="533"/>
      <c r="AA285" s="537"/>
      <c r="AB285" s="538"/>
      <c r="AC285" s="539"/>
      <c r="AD285" s="543" t="s">
        <v>373</v>
      </c>
      <c r="AE285" s="544"/>
      <c r="AF285" s="544"/>
      <c r="AG285" s="544"/>
      <c r="AH285" s="544"/>
      <c r="AI285" s="544"/>
      <c r="AJ285" s="544"/>
      <c r="AK285" s="544"/>
      <c r="AL285" s="544"/>
      <c r="AM285" s="544"/>
      <c r="AN285" s="544"/>
      <c r="AO285" s="544"/>
      <c r="AP285" s="544"/>
      <c r="AQ285" s="544"/>
      <c r="AR285" s="544"/>
      <c r="AS285" s="544"/>
      <c r="AT285" s="544"/>
      <c r="AU285" s="544"/>
      <c r="AV285" s="544"/>
      <c r="AW285" s="544"/>
      <c r="AX285" s="544"/>
      <c r="AY285" s="545"/>
      <c r="AZ285" s="549" t="s">
        <v>4</v>
      </c>
      <c r="BA285" s="550"/>
      <c r="BB285" s="551"/>
      <c r="BC285" s="555" t="s">
        <v>377</v>
      </c>
      <c r="BD285" s="556"/>
      <c r="BE285" s="556"/>
      <c r="BF285" s="556"/>
      <c r="BG285" s="556"/>
      <c r="BH285" s="556"/>
      <c r="BI285" s="556"/>
      <c r="BJ285" s="557"/>
    </row>
    <row r="286" spans="1:62" ht="21.75" customHeight="1">
      <c r="D286" s="534"/>
      <c r="E286" s="535"/>
      <c r="F286" s="535"/>
      <c r="G286" s="535"/>
      <c r="H286" s="535"/>
      <c r="I286" s="535"/>
      <c r="J286" s="535"/>
      <c r="K286" s="535"/>
      <c r="L286" s="535"/>
      <c r="M286" s="535"/>
      <c r="N286" s="536"/>
      <c r="O286" s="534"/>
      <c r="P286" s="535"/>
      <c r="Q286" s="535"/>
      <c r="R286" s="535"/>
      <c r="S286" s="535"/>
      <c r="T286" s="535"/>
      <c r="U286" s="535"/>
      <c r="V286" s="535"/>
      <c r="W286" s="535"/>
      <c r="X286" s="535"/>
      <c r="Y286" s="535"/>
      <c r="Z286" s="536"/>
      <c r="AA286" s="540"/>
      <c r="AB286" s="541"/>
      <c r="AC286" s="542"/>
      <c r="AD286" s="546"/>
      <c r="AE286" s="547"/>
      <c r="AF286" s="547"/>
      <c r="AG286" s="547"/>
      <c r="AH286" s="547"/>
      <c r="AI286" s="547"/>
      <c r="AJ286" s="547"/>
      <c r="AK286" s="547"/>
      <c r="AL286" s="547"/>
      <c r="AM286" s="547"/>
      <c r="AN286" s="547"/>
      <c r="AO286" s="547"/>
      <c r="AP286" s="547"/>
      <c r="AQ286" s="547"/>
      <c r="AR286" s="547"/>
      <c r="AS286" s="547"/>
      <c r="AT286" s="547"/>
      <c r="AU286" s="547"/>
      <c r="AV286" s="547"/>
      <c r="AW286" s="547"/>
      <c r="AX286" s="547"/>
      <c r="AY286" s="548"/>
      <c r="AZ286" s="552"/>
      <c r="BA286" s="553"/>
      <c r="BB286" s="554"/>
      <c r="BC286" s="558" t="s">
        <v>375</v>
      </c>
      <c r="BD286" s="559"/>
      <c r="BE286" s="559"/>
      <c r="BF286" s="559"/>
      <c r="BG286" s="559"/>
      <c r="BH286" s="559"/>
      <c r="BI286" s="559"/>
      <c r="BJ286" s="560"/>
    </row>
    <row r="287" spans="1:62" ht="21.75" customHeight="1">
      <c r="D287" s="531" t="s">
        <v>376</v>
      </c>
      <c r="E287" s="532"/>
      <c r="F287" s="532"/>
      <c r="G287" s="532"/>
      <c r="H287" s="532"/>
      <c r="I287" s="532"/>
      <c r="J287" s="532"/>
      <c r="K287" s="532"/>
      <c r="L287" s="532"/>
      <c r="M287" s="532"/>
      <c r="N287" s="533"/>
      <c r="O287" s="531" t="s">
        <v>372</v>
      </c>
      <c r="P287" s="532"/>
      <c r="Q287" s="532"/>
      <c r="R287" s="532"/>
      <c r="S287" s="532"/>
      <c r="T287" s="532"/>
      <c r="U287" s="532"/>
      <c r="V287" s="532"/>
      <c r="W287" s="532"/>
      <c r="X287" s="532"/>
      <c r="Y287" s="532"/>
      <c r="Z287" s="533"/>
      <c r="AA287" s="537"/>
      <c r="AB287" s="538"/>
      <c r="AC287" s="539"/>
      <c r="AD287" s="543" t="s">
        <v>373</v>
      </c>
      <c r="AE287" s="544"/>
      <c r="AF287" s="544"/>
      <c r="AG287" s="544"/>
      <c r="AH287" s="544"/>
      <c r="AI287" s="544"/>
      <c r="AJ287" s="544"/>
      <c r="AK287" s="544"/>
      <c r="AL287" s="544"/>
      <c r="AM287" s="544"/>
      <c r="AN287" s="544"/>
      <c r="AO287" s="544"/>
      <c r="AP287" s="544"/>
      <c r="AQ287" s="544"/>
      <c r="AR287" s="544"/>
      <c r="AS287" s="544"/>
      <c r="AT287" s="544"/>
      <c r="AU287" s="544"/>
      <c r="AV287" s="544"/>
      <c r="AW287" s="544"/>
      <c r="AX287" s="544"/>
      <c r="AY287" s="545"/>
      <c r="AZ287" s="549" t="s">
        <v>4</v>
      </c>
      <c r="BA287" s="550"/>
      <c r="BB287" s="551"/>
      <c r="BC287" s="555" t="s">
        <v>377</v>
      </c>
      <c r="BD287" s="556"/>
      <c r="BE287" s="556"/>
      <c r="BF287" s="556"/>
      <c r="BG287" s="556"/>
      <c r="BH287" s="556"/>
      <c r="BI287" s="556"/>
      <c r="BJ287" s="557"/>
    </row>
    <row r="288" spans="1:62" ht="21.75" customHeight="1">
      <c r="D288" s="534"/>
      <c r="E288" s="535"/>
      <c r="F288" s="535"/>
      <c r="G288" s="535"/>
      <c r="H288" s="535"/>
      <c r="I288" s="535"/>
      <c r="J288" s="535"/>
      <c r="K288" s="535"/>
      <c r="L288" s="535"/>
      <c r="M288" s="535"/>
      <c r="N288" s="536"/>
      <c r="O288" s="534"/>
      <c r="P288" s="535"/>
      <c r="Q288" s="535"/>
      <c r="R288" s="535"/>
      <c r="S288" s="535"/>
      <c r="T288" s="535"/>
      <c r="U288" s="535"/>
      <c r="V288" s="535"/>
      <c r="W288" s="535"/>
      <c r="X288" s="535"/>
      <c r="Y288" s="535"/>
      <c r="Z288" s="536"/>
      <c r="AA288" s="540"/>
      <c r="AB288" s="541"/>
      <c r="AC288" s="542"/>
      <c r="AD288" s="546"/>
      <c r="AE288" s="547"/>
      <c r="AF288" s="547"/>
      <c r="AG288" s="547"/>
      <c r="AH288" s="547"/>
      <c r="AI288" s="547"/>
      <c r="AJ288" s="547"/>
      <c r="AK288" s="547"/>
      <c r="AL288" s="547"/>
      <c r="AM288" s="547"/>
      <c r="AN288" s="547"/>
      <c r="AO288" s="547"/>
      <c r="AP288" s="547"/>
      <c r="AQ288" s="547"/>
      <c r="AR288" s="547"/>
      <c r="AS288" s="547"/>
      <c r="AT288" s="547"/>
      <c r="AU288" s="547"/>
      <c r="AV288" s="547"/>
      <c r="AW288" s="547"/>
      <c r="AX288" s="547"/>
      <c r="AY288" s="548"/>
      <c r="AZ288" s="552"/>
      <c r="BA288" s="553"/>
      <c r="BB288" s="554"/>
      <c r="BC288" s="558" t="s">
        <v>375</v>
      </c>
      <c r="BD288" s="559"/>
      <c r="BE288" s="559"/>
      <c r="BF288" s="559"/>
      <c r="BG288" s="559"/>
      <c r="BH288" s="559"/>
      <c r="BI288" s="559"/>
      <c r="BJ288" s="560"/>
    </row>
    <row r="289" spans="4:133" ht="21.75" customHeight="1">
      <c r="D289" s="531" t="s">
        <v>376</v>
      </c>
      <c r="E289" s="532"/>
      <c r="F289" s="532"/>
      <c r="G289" s="532"/>
      <c r="H289" s="532"/>
      <c r="I289" s="532"/>
      <c r="J289" s="532"/>
      <c r="K289" s="532"/>
      <c r="L289" s="532"/>
      <c r="M289" s="532"/>
      <c r="N289" s="533"/>
      <c r="O289" s="531" t="s">
        <v>372</v>
      </c>
      <c r="P289" s="532"/>
      <c r="Q289" s="532"/>
      <c r="R289" s="532"/>
      <c r="S289" s="532"/>
      <c r="T289" s="532"/>
      <c r="U289" s="532"/>
      <c r="V289" s="532"/>
      <c r="W289" s="532"/>
      <c r="X289" s="532"/>
      <c r="Y289" s="532"/>
      <c r="Z289" s="533"/>
      <c r="AA289" s="537"/>
      <c r="AB289" s="538"/>
      <c r="AC289" s="539"/>
      <c r="AD289" s="543" t="s">
        <v>373</v>
      </c>
      <c r="AE289" s="544"/>
      <c r="AF289" s="544"/>
      <c r="AG289" s="544"/>
      <c r="AH289" s="544"/>
      <c r="AI289" s="544"/>
      <c r="AJ289" s="544"/>
      <c r="AK289" s="544"/>
      <c r="AL289" s="544"/>
      <c r="AM289" s="544"/>
      <c r="AN289" s="544"/>
      <c r="AO289" s="544"/>
      <c r="AP289" s="544"/>
      <c r="AQ289" s="544"/>
      <c r="AR289" s="544"/>
      <c r="AS289" s="544"/>
      <c r="AT289" s="544"/>
      <c r="AU289" s="544"/>
      <c r="AV289" s="544"/>
      <c r="AW289" s="544"/>
      <c r="AX289" s="544"/>
      <c r="AY289" s="545"/>
      <c r="AZ289" s="549" t="s">
        <v>4</v>
      </c>
      <c r="BA289" s="550"/>
      <c r="BB289" s="551"/>
      <c r="BC289" s="555" t="s">
        <v>377</v>
      </c>
      <c r="BD289" s="556"/>
      <c r="BE289" s="556"/>
      <c r="BF289" s="556"/>
      <c r="BG289" s="556"/>
      <c r="BH289" s="556"/>
      <c r="BI289" s="556"/>
      <c r="BJ289" s="557"/>
    </row>
    <row r="290" spans="4:133" ht="21.75" customHeight="1">
      <c r="D290" s="534"/>
      <c r="E290" s="535"/>
      <c r="F290" s="535"/>
      <c r="G290" s="535"/>
      <c r="H290" s="535"/>
      <c r="I290" s="535"/>
      <c r="J290" s="535"/>
      <c r="K290" s="535"/>
      <c r="L290" s="535"/>
      <c r="M290" s="535"/>
      <c r="N290" s="536"/>
      <c r="O290" s="534"/>
      <c r="P290" s="535"/>
      <c r="Q290" s="535"/>
      <c r="R290" s="535"/>
      <c r="S290" s="535"/>
      <c r="T290" s="535"/>
      <c r="U290" s="535"/>
      <c r="V290" s="535"/>
      <c r="W290" s="535"/>
      <c r="X290" s="535"/>
      <c r="Y290" s="535"/>
      <c r="Z290" s="536"/>
      <c r="AA290" s="540"/>
      <c r="AB290" s="541"/>
      <c r="AC290" s="542"/>
      <c r="AD290" s="546"/>
      <c r="AE290" s="547"/>
      <c r="AF290" s="547"/>
      <c r="AG290" s="547"/>
      <c r="AH290" s="547"/>
      <c r="AI290" s="547"/>
      <c r="AJ290" s="547"/>
      <c r="AK290" s="547"/>
      <c r="AL290" s="547"/>
      <c r="AM290" s="547"/>
      <c r="AN290" s="547"/>
      <c r="AO290" s="547"/>
      <c r="AP290" s="547"/>
      <c r="AQ290" s="547"/>
      <c r="AR290" s="547"/>
      <c r="AS290" s="547"/>
      <c r="AT290" s="547"/>
      <c r="AU290" s="547"/>
      <c r="AV290" s="547"/>
      <c r="AW290" s="547"/>
      <c r="AX290" s="547"/>
      <c r="AY290" s="548"/>
      <c r="AZ290" s="552"/>
      <c r="BA290" s="553"/>
      <c r="BB290" s="554"/>
      <c r="BC290" s="558" t="s">
        <v>375</v>
      </c>
      <c r="BD290" s="559"/>
      <c r="BE290" s="559"/>
      <c r="BF290" s="559"/>
      <c r="BG290" s="559"/>
      <c r="BH290" s="559"/>
      <c r="BI290" s="559"/>
      <c r="BJ290" s="560"/>
    </row>
    <row r="291" spans="4:133" ht="21.75" customHeight="1">
      <c r="D291" s="531" t="s">
        <v>376</v>
      </c>
      <c r="E291" s="532"/>
      <c r="F291" s="532"/>
      <c r="G291" s="532"/>
      <c r="H291" s="532"/>
      <c r="I291" s="532"/>
      <c r="J291" s="532"/>
      <c r="K291" s="532"/>
      <c r="L291" s="532"/>
      <c r="M291" s="532"/>
      <c r="N291" s="533"/>
      <c r="O291" s="531" t="s">
        <v>372</v>
      </c>
      <c r="P291" s="532"/>
      <c r="Q291" s="532"/>
      <c r="R291" s="532"/>
      <c r="S291" s="532"/>
      <c r="T291" s="532"/>
      <c r="U291" s="532"/>
      <c r="V291" s="532"/>
      <c r="W291" s="532"/>
      <c r="X291" s="532"/>
      <c r="Y291" s="532"/>
      <c r="Z291" s="533"/>
      <c r="AA291" s="537"/>
      <c r="AB291" s="538"/>
      <c r="AC291" s="539"/>
      <c r="AD291" s="543" t="s">
        <v>373</v>
      </c>
      <c r="AE291" s="544"/>
      <c r="AF291" s="544"/>
      <c r="AG291" s="544"/>
      <c r="AH291" s="544"/>
      <c r="AI291" s="544"/>
      <c r="AJ291" s="544"/>
      <c r="AK291" s="544"/>
      <c r="AL291" s="544"/>
      <c r="AM291" s="544"/>
      <c r="AN291" s="544"/>
      <c r="AO291" s="544"/>
      <c r="AP291" s="544"/>
      <c r="AQ291" s="544"/>
      <c r="AR291" s="544"/>
      <c r="AS291" s="544"/>
      <c r="AT291" s="544"/>
      <c r="AU291" s="544"/>
      <c r="AV291" s="544"/>
      <c r="AW291" s="544"/>
      <c r="AX291" s="544"/>
      <c r="AY291" s="545"/>
      <c r="AZ291" s="549" t="s">
        <v>4</v>
      </c>
      <c r="BA291" s="550"/>
      <c r="BB291" s="551"/>
      <c r="BC291" s="555" t="s">
        <v>377</v>
      </c>
      <c r="BD291" s="556"/>
      <c r="BE291" s="556"/>
      <c r="BF291" s="556"/>
      <c r="BG291" s="556"/>
      <c r="BH291" s="556"/>
      <c r="BI291" s="556"/>
      <c r="BJ291" s="557"/>
    </row>
    <row r="292" spans="4:133" ht="21.75" customHeight="1">
      <c r="D292" s="534"/>
      <c r="E292" s="535"/>
      <c r="F292" s="535"/>
      <c r="G292" s="535"/>
      <c r="H292" s="535"/>
      <c r="I292" s="535"/>
      <c r="J292" s="535"/>
      <c r="K292" s="535"/>
      <c r="L292" s="535"/>
      <c r="M292" s="535"/>
      <c r="N292" s="536"/>
      <c r="O292" s="534"/>
      <c r="P292" s="535"/>
      <c r="Q292" s="535"/>
      <c r="R292" s="535"/>
      <c r="S292" s="535"/>
      <c r="T292" s="535"/>
      <c r="U292" s="535"/>
      <c r="V292" s="535"/>
      <c r="W292" s="535"/>
      <c r="X292" s="535"/>
      <c r="Y292" s="535"/>
      <c r="Z292" s="536"/>
      <c r="AA292" s="540"/>
      <c r="AB292" s="541"/>
      <c r="AC292" s="542"/>
      <c r="AD292" s="546"/>
      <c r="AE292" s="547"/>
      <c r="AF292" s="547"/>
      <c r="AG292" s="547"/>
      <c r="AH292" s="547"/>
      <c r="AI292" s="547"/>
      <c r="AJ292" s="547"/>
      <c r="AK292" s="547"/>
      <c r="AL292" s="547"/>
      <c r="AM292" s="547"/>
      <c r="AN292" s="547"/>
      <c r="AO292" s="547"/>
      <c r="AP292" s="547"/>
      <c r="AQ292" s="547"/>
      <c r="AR292" s="547"/>
      <c r="AS292" s="547"/>
      <c r="AT292" s="547"/>
      <c r="AU292" s="547"/>
      <c r="AV292" s="547"/>
      <c r="AW292" s="547"/>
      <c r="AX292" s="547"/>
      <c r="AY292" s="548"/>
      <c r="AZ292" s="552"/>
      <c r="BA292" s="553"/>
      <c r="BB292" s="554"/>
      <c r="BC292" s="558" t="s">
        <v>375</v>
      </c>
      <c r="BD292" s="559"/>
      <c r="BE292" s="559"/>
      <c r="BF292" s="559"/>
      <c r="BG292" s="559"/>
      <c r="BH292" s="559"/>
      <c r="BI292" s="559"/>
      <c r="BJ292" s="560"/>
    </row>
    <row r="293" spans="4:133" ht="21.75" customHeight="1">
      <c r="D293" s="531" t="s">
        <v>376</v>
      </c>
      <c r="E293" s="532"/>
      <c r="F293" s="532"/>
      <c r="G293" s="532"/>
      <c r="H293" s="532"/>
      <c r="I293" s="532"/>
      <c r="J293" s="532"/>
      <c r="K293" s="532"/>
      <c r="L293" s="532"/>
      <c r="M293" s="532"/>
      <c r="N293" s="533"/>
      <c r="O293" s="531" t="s">
        <v>372</v>
      </c>
      <c r="P293" s="532"/>
      <c r="Q293" s="532"/>
      <c r="R293" s="532"/>
      <c r="S293" s="532"/>
      <c r="T293" s="532"/>
      <c r="U293" s="532"/>
      <c r="V293" s="532"/>
      <c r="W293" s="532"/>
      <c r="X293" s="532"/>
      <c r="Y293" s="532"/>
      <c r="Z293" s="533"/>
      <c r="AA293" s="537"/>
      <c r="AB293" s="538"/>
      <c r="AC293" s="539"/>
      <c r="AD293" s="543" t="s">
        <v>373</v>
      </c>
      <c r="AE293" s="544"/>
      <c r="AF293" s="544"/>
      <c r="AG293" s="544"/>
      <c r="AH293" s="544"/>
      <c r="AI293" s="544"/>
      <c r="AJ293" s="544"/>
      <c r="AK293" s="544"/>
      <c r="AL293" s="544"/>
      <c r="AM293" s="544"/>
      <c r="AN293" s="544"/>
      <c r="AO293" s="544"/>
      <c r="AP293" s="544"/>
      <c r="AQ293" s="544"/>
      <c r="AR293" s="544"/>
      <c r="AS293" s="544"/>
      <c r="AT293" s="544"/>
      <c r="AU293" s="544"/>
      <c r="AV293" s="544"/>
      <c r="AW293" s="544"/>
      <c r="AX293" s="544"/>
      <c r="AY293" s="545"/>
      <c r="AZ293" s="549" t="s">
        <v>4</v>
      </c>
      <c r="BA293" s="550"/>
      <c r="BB293" s="551"/>
      <c r="BC293" s="555" t="s">
        <v>377</v>
      </c>
      <c r="BD293" s="556"/>
      <c r="BE293" s="556"/>
      <c r="BF293" s="556"/>
      <c r="BG293" s="556"/>
      <c r="BH293" s="556"/>
      <c r="BI293" s="556"/>
      <c r="BJ293" s="557"/>
    </row>
    <row r="294" spans="4:133" ht="21.75" customHeight="1">
      <c r="D294" s="534"/>
      <c r="E294" s="535"/>
      <c r="F294" s="535"/>
      <c r="G294" s="535"/>
      <c r="H294" s="535"/>
      <c r="I294" s="535"/>
      <c r="J294" s="535"/>
      <c r="K294" s="535"/>
      <c r="L294" s="535"/>
      <c r="M294" s="535"/>
      <c r="N294" s="536"/>
      <c r="O294" s="534"/>
      <c r="P294" s="535"/>
      <c r="Q294" s="535"/>
      <c r="R294" s="535"/>
      <c r="S294" s="535"/>
      <c r="T294" s="535"/>
      <c r="U294" s="535"/>
      <c r="V294" s="535"/>
      <c r="W294" s="535"/>
      <c r="X294" s="535"/>
      <c r="Y294" s="535"/>
      <c r="Z294" s="536"/>
      <c r="AA294" s="540"/>
      <c r="AB294" s="541"/>
      <c r="AC294" s="542"/>
      <c r="AD294" s="546"/>
      <c r="AE294" s="547"/>
      <c r="AF294" s="547"/>
      <c r="AG294" s="547"/>
      <c r="AH294" s="547"/>
      <c r="AI294" s="547"/>
      <c r="AJ294" s="547"/>
      <c r="AK294" s="547"/>
      <c r="AL294" s="547"/>
      <c r="AM294" s="547"/>
      <c r="AN294" s="547"/>
      <c r="AO294" s="547"/>
      <c r="AP294" s="547"/>
      <c r="AQ294" s="547"/>
      <c r="AR294" s="547"/>
      <c r="AS294" s="547"/>
      <c r="AT294" s="547"/>
      <c r="AU294" s="547"/>
      <c r="AV294" s="547"/>
      <c r="AW294" s="547"/>
      <c r="AX294" s="547"/>
      <c r="AY294" s="548"/>
      <c r="AZ294" s="552"/>
      <c r="BA294" s="553"/>
      <c r="BB294" s="554"/>
      <c r="BC294" s="558" t="s">
        <v>375</v>
      </c>
      <c r="BD294" s="559"/>
      <c r="BE294" s="559"/>
      <c r="BF294" s="559"/>
      <c r="BG294" s="559"/>
      <c r="BH294" s="559"/>
      <c r="BI294" s="559"/>
      <c r="BJ294" s="560"/>
      <c r="BS294" s="263"/>
      <c r="BT294" s="263"/>
      <c r="BU294" s="263"/>
      <c r="BV294" s="263"/>
      <c r="BW294" s="263"/>
      <c r="BX294" s="263"/>
      <c r="BY294" s="263"/>
      <c r="BZ294" s="263"/>
      <c r="CA294" s="263"/>
      <c r="CB294" s="263"/>
      <c r="CC294" s="263"/>
      <c r="CD294" s="263"/>
      <c r="CE294" s="263"/>
      <c r="CF294" s="263"/>
      <c r="CG294" s="263"/>
      <c r="CH294" s="263"/>
      <c r="CI294" s="263"/>
      <c r="CJ294" s="263"/>
      <c r="CK294" s="263"/>
      <c r="CL294" s="263"/>
      <c r="CM294" s="263"/>
      <c r="CN294" s="263"/>
      <c r="CO294" s="263"/>
      <c r="CP294" s="263"/>
      <c r="CQ294" s="263"/>
      <c r="CR294" s="263"/>
      <c r="CS294" s="263"/>
      <c r="CT294" s="263"/>
      <c r="CU294" s="263"/>
      <c r="CV294" s="263"/>
      <c r="CW294" s="263"/>
      <c r="CX294" s="263"/>
      <c r="CY294" s="263"/>
      <c r="CZ294" s="263"/>
      <c r="DA294" s="263"/>
      <c r="DB294" s="263"/>
      <c r="DC294" s="263"/>
      <c r="DD294" s="263"/>
      <c r="DE294" s="263"/>
      <c r="DF294" s="263"/>
      <c r="DG294" s="263"/>
      <c r="DH294" s="263"/>
      <c r="DI294" s="263"/>
      <c r="DJ294" s="263"/>
      <c r="DK294" s="263"/>
      <c r="DL294" s="263"/>
      <c r="DM294" s="263"/>
      <c r="DN294" s="263"/>
      <c r="DO294" s="263"/>
      <c r="DP294" s="263"/>
      <c r="DQ294" s="263"/>
      <c r="DR294" s="263"/>
      <c r="DS294" s="263"/>
      <c r="DT294" s="263"/>
      <c r="DU294" s="263"/>
      <c r="DV294" s="263"/>
      <c r="DW294" s="263"/>
      <c r="DX294" s="263"/>
      <c r="DY294" s="263"/>
      <c r="DZ294" s="263"/>
      <c r="EA294" s="263"/>
      <c r="EB294" s="263"/>
      <c r="EC294" s="263"/>
    </row>
    <row r="295" spans="4:133" ht="21.75" customHeight="1">
      <c r="D295" s="531" t="s">
        <v>376</v>
      </c>
      <c r="E295" s="532"/>
      <c r="F295" s="532"/>
      <c r="G295" s="532"/>
      <c r="H295" s="532"/>
      <c r="I295" s="532"/>
      <c r="J295" s="532"/>
      <c r="K295" s="532"/>
      <c r="L295" s="532"/>
      <c r="M295" s="532"/>
      <c r="N295" s="533"/>
      <c r="O295" s="531" t="s">
        <v>372</v>
      </c>
      <c r="P295" s="532"/>
      <c r="Q295" s="532"/>
      <c r="R295" s="532"/>
      <c r="S295" s="532"/>
      <c r="T295" s="532"/>
      <c r="U295" s="532"/>
      <c r="V295" s="532"/>
      <c r="W295" s="532"/>
      <c r="X295" s="532"/>
      <c r="Y295" s="532"/>
      <c r="Z295" s="533"/>
      <c r="AA295" s="537"/>
      <c r="AB295" s="538"/>
      <c r="AC295" s="539"/>
      <c r="AD295" s="543" t="s">
        <v>373</v>
      </c>
      <c r="AE295" s="544"/>
      <c r="AF295" s="544"/>
      <c r="AG295" s="544"/>
      <c r="AH295" s="544"/>
      <c r="AI295" s="544"/>
      <c r="AJ295" s="544"/>
      <c r="AK295" s="544"/>
      <c r="AL295" s="544"/>
      <c r="AM295" s="544"/>
      <c r="AN295" s="544"/>
      <c r="AO295" s="544"/>
      <c r="AP295" s="544"/>
      <c r="AQ295" s="544"/>
      <c r="AR295" s="544"/>
      <c r="AS295" s="544"/>
      <c r="AT295" s="544"/>
      <c r="AU295" s="544"/>
      <c r="AV295" s="544"/>
      <c r="AW295" s="544"/>
      <c r="AX295" s="544"/>
      <c r="AY295" s="545"/>
      <c r="AZ295" s="549" t="s">
        <v>4</v>
      </c>
      <c r="BA295" s="550"/>
      <c r="BB295" s="551"/>
      <c r="BC295" s="555" t="s">
        <v>377</v>
      </c>
      <c r="BD295" s="556"/>
      <c r="BE295" s="556"/>
      <c r="BF295" s="556"/>
      <c r="BG295" s="556"/>
      <c r="BH295" s="556"/>
      <c r="BI295" s="556"/>
      <c r="BJ295" s="557"/>
    </row>
    <row r="296" spans="4:133" ht="21.75" customHeight="1">
      <c r="D296" s="534"/>
      <c r="E296" s="535"/>
      <c r="F296" s="535"/>
      <c r="G296" s="535"/>
      <c r="H296" s="535"/>
      <c r="I296" s="535"/>
      <c r="J296" s="535"/>
      <c r="K296" s="535"/>
      <c r="L296" s="535"/>
      <c r="M296" s="535"/>
      <c r="N296" s="536"/>
      <c r="O296" s="534"/>
      <c r="P296" s="535"/>
      <c r="Q296" s="535"/>
      <c r="R296" s="535"/>
      <c r="S296" s="535"/>
      <c r="T296" s="535"/>
      <c r="U296" s="535"/>
      <c r="V296" s="535"/>
      <c r="W296" s="535"/>
      <c r="X296" s="535"/>
      <c r="Y296" s="535"/>
      <c r="Z296" s="536"/>
      <c r="AA296" s="540"/>
      <c r="AB296" s="541"/>
      <c r="AC296" s="542"/>
      <c r="AD296" s="546"/>
      <c r="AE296" s="547"/>
      <c r="AF296" s="547"/>
      <c r="AG296" s="547"/>
      <c r="AH296" s="547"/>
      <c r="AI296" s="547"/>
      <c r="AJ296" s="547"/>
      <c r="AK296" s="547"/>
      <c r="AL296" s="547"/>
      <c r="AM296" s="547"/>
      <c r="AN296" s="547"/>
      <c r="AO296" s="547"/>
      <c r="AP296" s="547"/>
      <c r="AQ296" s="547"/>
      <c r="AR296" s="547"/>
      <c r="AS296" s="547"/>
      <c r="AT296" s="547"/>
      <c r="AU296" s="547"/>
      <c r="AV296" s="547"/>
      <c r="AW296" s="547"/>
      <c r="AX296" s="547"/>
      <c r="AY296" s="548"/>
      <c r="AZ296" s="552"/>
      <c r="BA296" s="553"/>
      <c r="BB296" s="554"/>
      <c r="BC296" s="558" t="s">
        <v>375</v>
      </c>
      <c r="BD296" s="559"/>
      <c r="BE296" s="559"/>
      <c r="BF296" s="559"/>
      <c r="BG296" s="559"/>
      <c r="BH296" s="559"/>
      <c r="BI296" s="559"/>
      <c r="BJ296" s="560"/>
      <c r="BS296" s="263"/>
      <c r="BT296" s="263"/>
      <c r="BU296" s="263"/>
      <c r="BV296" s="263"/>
      <c r="BW296" s="263"/>
      <c r="BX296" s="263"/>
      <c r="BY296" s="263"/>
      <c r="BZ296" s="263"/>
      <c r="CA296" s="263"/>
      <c r="CB296" s="263"/>
      <c r="CC296" s="263"/>
      <c r="CD296" s="263"/>
      <c r="CE296" s="263"/>
      <c r="CF296" s="263"/>
      <c r="CG296" s="263"/>
      <c r="CH296" s="263"/>
      <c r="CI296" s="263"/>
      <c r="CJ296" s="263"/>
      <c r="CK296" s="263"/>
      <c r="CL296" s="263"/>
      <c r="CM296" s="263"/>
      <c r="CN296" s="263"/>
      <c r="CO296" s="263"/>
      <c r="CP296" s="263"/>
      <c r="CQ296" s="263"/>
      <c r="CR296" s="263"/>
      <c r="CS296" s="263"/>
      <c r="CT296" s="263"/>
      <c r="CU296" s="263"/>
      <c r="CV296" s="263"/>
      <c r="CW296" s="263"/>
      <c r="CX296" s="263"/>
      <c r="CY296" s="263"/>
      <c r="CZ296" s="263"/>
      <c r="DA296" s="263"/>
      <c r="DB296" s="263"/>
      <c r="DC296" s="263"/>
      <c r="DD296" s="263"/>
      <c r="DE296" s="263"/>
      <c r="DF296" s="263"/>
      <c r="DG296" s="263"/>
      <c r="DH296" s="263"/>
      <c r="DI296" s="263"/>
      <c r="DJ296" s="263"/>
      <c r="DK296" s="263"/>
      <c r="DL296" s="263"/>
      <c r="DM296" s="263"/>
      <c r="DN296" s="263"/>
      <c r="DO296" s="263"/>
      <c r="DP296" s="263"/>
      <c r="DQ296" s="263"/>
      <c r="DR296" s="263"/>
      <c r="DS296" s="263"/>
      <c r="DT296" s="263"/>
      <c r="DU296" s="263"/>
      <c r="DV296" s="263"/>
      <c r="DW296" s="263"/>
      <c r="DX296" s="263"/>
      <c r="DY296" s="263"/>
      <c r="DZ296" s="263"/>
      <c r="EA296" s="263"/>
      <c r="EB296" s="263"/>
      <c r="EC296" s="263"/>
    </row>
    <row r="297" spans="4:133" ht="21.75" customHeight="1">
      <c r="D297" s="531" t="s">
        <v>376</v>
      </c>
      <c r="E297" s="532"/>
      <c r="F297" s="532"/>
      <c r="G297" s="532"/>
      <c r="H297" s="532"/>
      <c r="I297" s="532"/>
      <c r="J297" s="532"/>
      <c r="K297" s="532"/>
      <c r="L297" s="532"/>
      <c r="M297" s="532"/>
      <c r="N297" s="533"/>
      <c r="O297" s="531" t="s">
        <v>372</v>
      </c>
      <c r="P297" s="532"/>
      <c r="Q297" s="532"/>
      <c r="R297" s="532"/>
      <c r="S297" s="532"/>
      <c r="T297" s="532"/>
      <c r="U297" s="532"/>
      <c r="V297" s="532"/>
      <c r="W297" s="532"/>
      <c r="X297" s="532"/>
      <c r="Y297" s="532"/>
      <c r="Z297" s="533"/>
      <c r="AA297" s="537"/>
      <c r="AB297" s="538"/>
      <c r="AC297" s="539"/>
      <c r="AD297" s="543" t="s">
        <v>373</v>
      </c>
      <c r="AE297" s="544"/>
      <c r="AF297" s="544"/>
      <c r="AG297" s="544"/>
      <c r="AH297" s="544"/>
      <c r="AI297" s="544"/>
      <c r="AJ297" s="544"/>
      <c r="AK297" s="544"/>
      <c r="AL297" s="544"/>
      <c r="AM297" s="544"/>
      <c r="AN297" s="544"/>
      <c r="AO297" s="544"/>
      <c r="AP297" s="544"/>
      <c r="AQ297" s="544"/>
      <c r="AR297" s="544"/>
      <c r="AS297" s="544"/>
      <c r="AT297" s="544"/>
      <c r="AU297" s="544"/>
      <c r="AV297" s="544"/>
      <c r="AW297" s="544"/>
      <c r="AX297" s="544"/>
      <c r="AY297" s="545"/>
      <c r="AZ297" s="549" t="s">
        <v>4</v>
      </c>
      <c r="BA297" s="550"/>
      <c r="BB297" s="551"/>
      <c r="BC297" s="555" t="s">
        <v>377</v>
      </c>
      <c r="BD297" s="556"/>
      <c r="BE297" s="556"/>
      <c r="BF297" s="556"/>
      <c r="BG297" s="556"/>
      <c r="BH297" s="556"/>
      <c r="BI297" s="556"/>
      <c r="BJ297" s="557"/>
    </row>
    <row r="298" spans="4:133" ht="21.75" customHeight="1">
      <c r="D298" s="534"/>
      <c r="E298" s="535"/>
      <c r="F298" s="535"/>
      <c r="G298" s="535"/>
      <c r="H298" s="535"/>
      <c r="I298" s="535"/>
      <c r="J298" s="535"/>
      <c r="K298" s="535"/>
      <c r="L298" s="535"/>
      <c r="M298" s="535"/>
      <c r="N298" s="536"/>
      <c r="O298" s="534"/>
      <c r="P298" s="535"/>
      <c r="Q298" s="535"/>
      <c r="R298" s="535"/>
      <c r="S298" s="535"/>
      <c r="T298" s="535"/>
      <c r="U298" s="535"/>
      <c r="V298" s="535"/>
      <c r="W298" s="535"/>
      <c r="X298" s="535"/>
      <c r="Y298" s="535"/>
      <c r="Z298" s="536"/>
      <c r="AA298" s="540"/>
      <c r="AB298" s="541"/>
      <c r="AC298" s="542"/>
      <c r="AD298" s="546"/>
      <c r="AE298" s="547"/>
      <c r="AF298" s="547"/>
      <c r="AG298" s="547"/>
      <c r="AH298" s="547"/>
      <c r="AI298" s="547"/>
      <c r="AJ298" s="547"/>
      <c r="AK298" s="547"/>
      <c r="AL298" s="547"/>
      <c r="AM298" s="547"/>
      <c r="AN298" s="547"/>
      <c r="AO298" s="547"/>
      <c r="AP298" s="547"/>
      <c r="AQ298" s="547"/>
      <c r="AR298" s="547"/>
      <c r="AS298" s="547"/>
      <c r="AT298" s="547"/>
      <c r="AU298" s="547"/>
      <c r="AV298" s="547"/>
      <c r="AW298" s="547"/>
      <c r="AX298" s="547"/>
      <c r="AY298" s="548"/>
      <c r="AZ298" s="552"/>
      <c r="BA298" s="553"/>
      <c r="BB298" s="554"/>
      <c r="BC298" s="558" t="s">
        <v>375</v>
      </c>
      <c r="BD298" s="559"/>
      <c r="BE298" s="559"/>
      <c r="BF298" s="559"/>
      <c r="BG298" s="559"/>
      <c r="BH298" s="559"/>
      <c r="BI298" s="559"/>
      <c r="BJ298" s="560"/>
      <c r="BS298" s="263"/>
      <c r="BT298" s="263"/>
      <c r="BU298" s="263"/>
      <c r="BV298" s="263"/>
      <c r="BW298" s="263"/>
      <c r="BX298" s="263"/>
      <c r="BY298" s="263"/>
      <c r="BZ298" s="263"/>
      <c r="CA298" s="263"/>
      <c r="CB298" s="263"/>
      <c r="CC298" s="263"/>
      <c r="CD298" s="263"/>
      <c r="CE298" s="263"/>
      <c r="CF298" s="263"/>
      <c r="CG298" s="263"/>
      <c r="CH298" s="263"/>
      <c r="CI298" s="263"/>
      <c r="CJ298" s="263"/>
      <c r="CK298" s="263"/>
      <c r="CL298" s="263"/>
      <c r="CM298" s="263"/>
      <c r="CN298" s="263"/>
      <c r="CO298" s="263"/>
      <c r="CP298" s="263"/>
      <c r="CQ298" s="263"/>
      <c r="CR298" s="263"/>
      <c r="CS298" s="263"/>
      <c r="CT298" s="263"/>
      <c r="CU298" s="263"/>
      <c r="CV298" s="263"/>
      <c r="CW298" s="263"/>
      <c r="CX298" s="263"/>
      <c r="CY298" s="263"/>
      <c r="CZ298" s="263"/>
      <c r="DA298" s="263"/>
      <c r="DB298" s="263"/>
      <c r="DC298" s="263"/>
      <c r="DD298" s="263"/>
      <c r="DE298" s="263"/>
      <c r="DF298" s="263"/>
      <c r="DG298" s="263"/>
      <c r="DH298" s="263"/>
      <c r="DI298" s="263"/>
      <c r="DJ298" s="263"/>
      <c r="DK298" s="263"/>
      <c r="DL298" s="263"/>
      <c r="DM298" s="263"/>
      <c r="DN298" s="263"/>
      <c r="DO298" s="263"/>
      <c r="DP298" s="263"/>
      <c r="DQ298" s="263"/>
      <c r="DR298" s="263"/>
      <c r="DS298" s="263"/>
      <c r="DT298" s="263"/>
      <c r="DU298" s="263"/>
      <c r="DV298" s="263"/>
      <c r="DW298" s="263"/>
      <c r="DX298" s="263"/>
      <c r="DY298" s="263"/>
      <c r="DZ298" s="263"/>
      <c r="EA298" s="263"/>
      <c r="EB298" s="263"/>
      <c r="EC298" s="263"/>
    </row>
    <row r="299" spans="4:133" ht="33.75" customHeight="1">
      <c r="D299" s="588" t="s">
        <v>378</v>
      </c>
      <c r="E299" s="588"/>
      <c r="F299" s="588"/>
      <c r="G299" s="588"/>
      <c r="H299" s="588"/>
      <c r="I299" s="588"/>
      <c r="J299" s="588"/>
      <c r="K299" s="588"/>
      <c r="L299" s="588"/>
      <c r="M299" s="588"/>
      <c r="N299" s="588"/>
      <c r="O299" s="588"/>
      <c r="P299" s="588"/>
      <c r="Q299" s="588"/>
      <c r="R299" s="588"/>
      <c r="S299" s="588"/>
      <c r="T299" s="588"/>
      <c r="U299" s="588"/>
      <c r="V299" s="588"/>
      <c r="W299" s="588"/>
      <c r="X299" s="588"/>
      <c r="Y299" s="588"/>
      <c r="Z299" s="588"/>
      <c r="AA299" s="588"/>
      <c r="AB299" s="588"/>
      <c r="AC299" s="588"/>
      <c r="AD299" s="588"/>
      <c r="AE299" s="588"/>
      <c r="AF299" s="588"/>
      <c r="AG299" s="588"/>
      <c r="AH299" s="588"/>
      <c r="AI299" s="588"/>
      <c r="AJ299" s="588"/>
      <c r="AK299" s="588"/>
      <c r="AL299" s="588"/>
      <c r="AM299" s="588"/>
      <c r="AN299" s="588"/>
      <c r="AO299" s="588"/>
      <c r="AP299" s="588"/>
      <c r="AQ299" s="588"/>
      <c r="AR299" s="588"/>
      <c r="AS299" s="588"/>
      <c r="AT299" s="588"/>
      <c r="AU299" s="588"/>
      <c r="AV299" s="588"/>
      <c r="AW299" s="588"/>
      <c r="AX299" s="588"/>
      <c r="AY299" s="588"/>
      <c r="AZ299" s="588"/>
      <c r="BA299" s="588"/>
      <c r="BB299" s="588"/>
      <c r="BC299" s="588"/>
      <c r="BD299" s="588"/>
      <c r="BE299" s="588"/>
      <c r="BF299" s="588"/>
      <c r="BG299" s="588"/>
      <c r="BH299" s="588"/>
      <c r="BI299" s="588"/>
      <c r="BJ299" s="588"/>
      <c r="BK299" s="588"/>
      <c r="BL299" s="588"/>
      <c r="BO299" s="260"/>
      <c r="BP299" s="260"/>
      <c r="BQ299" s="260"/>
      <c r="BR299" s="260"/>
      <c r="BS299" s="260"/>
      <c r="BT299" s="260"/>
      <c r="BU299" s="260"/>
      <c r="BV299" s="260"/>
      <c r="BW299" s="260"/>
      <c r="BX299" s="260"/>
      <c r="BY299" s="260"/>
      <c r="BZ299" s="260"/>
      <c r="CA299" s="260"/>
      <c r="CB299" s="260"/>
      <c r="CC299" s="260"/>
      <c r="CD299" s="260"/>
      <c r="CE299" s="260"/>
      <c r="CF299" s="260"/>
      <c r="CG299" s="260"/>
      <c r="CH299" s="260"/>
      <c r="CI299" s="260"/>
      <c r="CJ299" s="260"/>
      <c r="CK299" s="260"/>
      <c r="CL299" s="260"/>
      <c r="CM299" s="260"/>
      <c r="CN299" s="260"/>
      <c r="CO299" s="260"/>
      <c r="CP299" s="260"/>
      <c r="CQ299" s="260"/>
      <c r="CR299" s="260"/>
      <c r="CS299" s="260"/>
      <c r="CT299" s="260"/>
      <c r="CU299" s="260"/>
      <c r="CV299" s="260"/>
      <c r="CW299" s="260"/>
      <c r="CX299" s="260"/>
      <c r="CY299" s="260"/>
      <c r="CZ299" s="260"/>
      <c r="DA299" s="260"/>
      <c r="DB299" s="260"/>
      <c r="DC299" s="260"/>
      <c r="DD299" s="260"/>
      <c r="DE299" s="260"/>
      <c r="DF299" s="260"/>
      <c r="DG299" s="260"/>
      <c r="DH299" s="260"/>
      <c r="DI299" s="260"/>
      <c r="DJ299" s="260"/>
      <c r="DK299" s="260"/>
      <c r="DL299" s="260"/>
      <c r="DM299" s="260"/>
      <c r="DN299" s="260"/>
      <c r="DO299" s="260"/>
      <c r="DP299" s="260"/>
      <c r="DQ299" s="260"/>
      <c r="DR299" s="260"/>
      <c r="DS299" s="260"/>
      <c r="DT299" s="260"/>
      <c r="DU299" s="260"/>
      <c r="DV299" s="260"/>
      <c r="DW299" s="260"/>
      <c r="DX299" s="260"/>
      <c r="DY299" s="260"/>
      <c r="DZ299" s="260"/>
      <c r="EA299" s="260"/>
      <c r="EB299" s="260"/>
      <c r="EC299" s="260"/>
    </row>
    <row r="300" spans="4:133" ht="21.75" customHeight="1">
      <c r="D300" s="588"/>
      <c r="E300" s="588"/>
      <c r="F300" s="588"/>
      <c r="G300" s="588"/>
      <c r="H300" s="588"/>
      <c r="I300" s="588"/>
      <c r="J300" s="588"/>
      <c r="K300" s="588"/>
      <c r="L300" s="588"/>
      <c r="M300" s="588"/>
      <c r="N300" s="588"/>
      <c r="O300" s="588"/>
      <c r="P300" s="588"/>
      <c r="Q300" s="588"/>
      <c r="R300" s="588"/>
      <c r="S300" s="588"/>
      <c r="T300" s="588"/>
      <c r="U300" s="588"/>
      <c r="V300" s="588"/>
      <c r="W300" s="588"/>
      <c r="X300" s="588"/>
      <c r="Y300" s="588"/>
      <c r="Z300" s="588"/>
      <c r="AA300" s="588"/>
      <c r="AB300" s="588"/>
      <c r="AC300" s="588"/>
      <c r="AD300" s="588"/>
      <c r="AE300" s="588"/>
      <c r="AF300" s="588"/>
      <c r="AG300" s="588"/>
      <c r="AH300" s="588"/>
      <c r="AI300" s="588"/>
      <c r="AJ300" s="588"/>
      <c r="AK300" s="588"/>
      <c r="AL300" s="588"/>
      <c r="AM300" s="588"/>
      <c r="AN300" s="588"/>
      <c r="AO300" s="588"/>
      <c r="AP300" s="588"/>
      <c r="AQ300" s="588"/>
      <c r="AR300" s="588"/>
      <c r="AS300" s="588"/>
      <c r="AT300" s="588"/>
      <c r="AU300" s="588"/>
      <c r="AV300" s="588"/>
      <c r="AW300" s="588"/>
      <c r="AX300" s="588"/>
      <c r="AY300" s="588"/>
      <c r="AZ300" s="588"/>
      <c r="BA300" s="588"/>
      <c r="BB300" s="588"/>
      <c r="BC300" s="588"/>
      <c r="BD300" s="588"/>
      <c r="BE300" s="588"/>
      <c r="BF300" s="588"/>
      <c r="BG300" s="588"/>
      <c r="BH300" s="588"/>
      <c r="BI300" s="588"/>
      <c r="BJ300" s="588"/>
      <c r="BK300" s="588"/>
      <c r="BL300" s="588"/>
      <c r="BO300" s="236"/>
      <c r="BP300" s="236"/>
      <c r="BQ300" s="236"/>
      <c r="BR300" s="236"/>
      <c r="BS300" s="236"/>
      <c r="BT300" s="236"/>
      <c r="BU300" s="236"/>
      <c r="BV300" s="260"/>
      <c r="BW300" s="260"/>
      <c r="BX300" s="260"/>
      <c r="BY300" s="260"/>
      <c r="BZ300" s="260"/>
      <c r="CA300" s="260"/>
      <c r="CB300" s="260"/>
      <c r="CC300" s="260"/>
      <c r="CD300" s="260"/>
      <c r="CE300" s="260"/>
      <c r="CF300" s="260"/>
      <c r="CG300" s="260"/>
      <c r="CH300" s="260"/>
      <c r="CI300" s="260"/>
      <c r="CJ300" s="260"/>
      <c r="CK300" s="260"/>
      <c r="CL300" s="260"/>
      <c r="CM300" s="260"/>
      <c r="CN300" s="260"/>
      <c r="CO300" s="260"/>
      <c r="CP300" s="260"/>
      <c r="CQ300" s="260"/>
      <c r="CR300" s="260"/>
      <c r="CS300" s="260"/>
      <c r="CT300" s="260"/>
      <c r="CU300" s="260"/>
      <c r="CV300" s="260"/>
      <c r="CW300" s="260"/>
      <c r="CX300" s="260"/>
      <c r="CY300" s="260"/>
      <c r="CZ300" s="260"/>
      <c r="DA300" s="260"/>
      <c r="DB300" s="260"/>
      <c r="DC300" s="260"/>
      <c r="DD300" s="260"/>
      <c r="DE300" s="260"/>
      <c r="DF300" s="260"/>
      <c r="DG300" s="260"/>
      <c r="DH300" s="260"/>
      <c r="DI300" s="260"/>
      <c r="DJ300" s="260"/>
      <c r="DK300" s="260"/>
      <c r="DL300" s="260"/>
      <c r="DM300" s="260"/>
      <c r="DN300" s="260"/>
      <c r="DO300" s="260"/>
      <c r="DP300" s="260"/>
      <c r="DQ300" s="260"/>
      <c r="DR300" s="260"/>
      <c r="DS300" s="260"/>
      <c r="DT300" s="260"/>
      <c r="DU300" s="260"/>
      <c r="DV300" s="260"/>
      <c r="DW300" s="260"/>
      <c r="DX300" s="260"/>
      <c r="DY300" s="260"/>
      <c r="DZ300" s="260"/>
      <c r="EA300" s="260"/>
      <c r="EB300" s="260"/>
      <c r="EC300" s="260"/>
    </row>
    <row r="301" spans="4:133" ht="15" customHeight="1">
      <c r="D301" s="62" t="s">
        <v>447</v>
      </c>
      <c r="E301" s="86"/>
      <c r="F301" s="231"/>
      <c r="G301" s="169"/>
      <c r="H301" s="169"/>
      <c r="I301" s="169"/>
      <c r="J301" s="169"/>
      <c r="K301" s="169"/>
      <c r="L301" s="169"/>
      <c r="M301" s="169"/>
      <c r="N301" s="169"/>
      <c r="O301" s="169"/>
      <c r="P301" s="169"/>
      <c r="Q301" s="169"/>
      <c r="R301" s="169"/>
      <c r="S301" s="169"/>
      <c r="T301" s="169"/>
      <c r="U301" s="169"/>
      <c r="V301" s="169"/>
      <c r="W301" s="169"/>
      <c r="X301" s="169"/>
      <c r="Y301" s="169"/>
      <c r="Z301" s="169"/>
      <c r="AA301" s="169"/>
      <c r="AB301" s="169"/>
      <c r="AC301" s="169"/>
      <c r="AD301" s="169"/>
      <c r="AE301" s="169"/>
      <c r="AF301" s="169"/>
      <c r="AG301" s="169"/>
      <c r="AH301" s="169"/>
      <c r="AI301" s="169"/>
      <c r="AJ301" s="169"/>
      <c r="AK301" s="169"/>
      <c r="AL301" s="169"/>
      <c r="AM301" s="169"/>
      <c r="AN301" s="169"/>
      <c r="AO301" s="169"/>
      <c r="AP301" s="169"/>
      <c r="AQ301" s="169"/>
      <c r="AR301" s="169"/>
      <c r="AS301" s="169"/>
      <c r="AT301" s="169"/>
      <c r="AU301" s="169"/>
      <c r="AV301" s="169"/>
      <c r="AW301" s="169"/>
      <c r="AX301" s="169"/>
      <c r="AY301" s="169"/>
      <c r="AZ301" s="169"/>
      <c r="BA301" s="169"/>
      <c r="BB301" s="169"/>
      <c r="BC301" s="169"/>
      <c r="BD301" s="169"/>
      <c r="BE301" s="169"/>
      <c r="BF301" s="169"/>
      <c r="BG301" s="169"/>
      <c r="BH301" s="169"/>
      <c r="BI301" s="169"/>
      <c r="BJ301" s="169"/>
      <c r="BK301" s="169"/>
      <c r="BL301" s="169"/>
      <c r="BM301" s="169"/>
      <c r="BN301" s="169"/>
    </row>
    <row r="302" spans="4:133" ht="15" customHeight="1">
      <c r="D302" s="62" t="s">
        <v>448</v>
      </c>
      <c r="E302" s="86"/>
      <c r="F302" s="231"/>
      <c r="G302" s="160"/>
      <c r="H302" s="160"/>
      <c r="I302" s="160"/>
      <c r="J302" s="160"/>
      <c r="K302" s="160"/>
      <c r="L302" s="160"/>
      <c r="M302" s="160"/>
      <c r="N302" s="160"/>
      <c r="O302" s="160"/>
      <c r="P302" s="160"/>
      <c r="Q302" s="160"/>
      <c r="R302" s="160"/>
      <c r="S302" s="160"/>
      <c r="T302" s="160"/>
      <c r="U302" s="160"/>
      <c r="V302" s="160"/>
      <c r="W302" s="160"/>
      <c r="X302" s="160"/>
      <c r="Y302" s="160"/>
      <c r="Z302" s="160"/>
      <c r="AA302" s="160"/>
      <c r="AB302" s="160"/>
      <c r="AC302" s="160"/>
      <c r="AD302" s="160"/>
      <c r="AE302" s="160"/>
      <c r="AF302" s="160"/>
      <c r="AG302" s="160"/>
      <c r="AH302" s="160"/>
      <c r="AI302" s="160"/>
      <c r="AJ302" s="160"/>
      <c r="AK302" s="160"/>
      <c r="AL302" s="160"/>
      <c r="AM302" s="160"/>
      <c r="AN302" s="160"/>
      <c r="AO302" s="160"/>
      <c r="AP302" s="160"/>
      <c r="AQ302" s="160"/>
      <c r="AR302" s="160"/>
      <c r="AS302" s="160"/>
      <c r="AT302" s="160"/>
      <c r="AU302" s="160"/>
      <c r="AV302" s="160"/>
      <c r="AW302" s="160"/>
      <c r="AX302" s="160"/>
      <c r="AY302" s="160"/>
      <c r="AZ302" s="160"/>
      <c r="BA302" s="160"/>
      <c r="BB302" s="160"/>
      <c r="BC302" s="160"/>
      <c r="BD302" s="160"/>
      <c r="BE302" s="160"/>
      <c r="BF302" s="160"/>
      <c r="BG302" s="160"/>
      <c r="BH302" s="160"/>
      <c r="BI302" s="160"/>
      <c r="BJ302" s="160"/>
      <c r="BK302" s="160"/>
      <c r="BL302" s="160"/>
      <c r="BM302" s="160"/>
      <c r="BN302" s="160"/>
    </row>
    <row r="303" spans="4:133" ht="15" customHeight="1">
      <c r="D303" s="62" t="s">
        <v>449</v>
      </c>
      <c r="E303" s="86"/>
      <c r="F303" s="231"/>
      <c r="G303" s="160"/>
      <c r="H303" s="160"/>
      <c r="I303" s="160"/>
      <c r="J303" s="160"/>
      <c r="K303" s="160"/>
      <c r="L303" s="160"/>
      <c r="M303" s="160"/>
      <c r="N303" s="160"/>
      <c r="O303" s="160"/>
      <c r="P303" s="160"/>
      <c r="Q303" s="160"/>
      <c r="R303" s="160"/>
      <c r="S303" s="160"/>
      <c r="T303" s="160"/>
      <c r="U303" s="160"/>
      <c r="V303" s="160"/>
      <c r="W303" s="160"/>
      <c r="X303" s="160"/>
      <c r="Y303" s="160"/>
      <c r="Z303" s="160"/>
      <c r="AA303" s="160"/>
      <c r="AB303" s="160"/>
      <c r="AC303" s="160"/>
      <c r="AD303" s="160"/>
      <c r="AE303" s="160"/>
      <c r="AF303" s="160"/>
      <c r="AG303" s="160"/>
      <c r="AH303" s="160"/>
      <c r="AI303" s="160"/>
      <c r="AJ303" s="160"/>
      <c r="AK303" s="160"/>
      <c r="AL303" s="160"/>
      <c r="AM303" s="160"/>
      <c r="AN303" s="160"/>
      <c r="AO303" s="160"/>
      <c r="AP303" s="160"/>
      <c r="AQ303" s="160"/>
      <c r="AR303" s="160"/>
      <c r="AS303" s="160"/>
      <c r="AT303" s="160"/>
      <c r="AU303" s="160"/>
      <c r="AV303" s="160"/>
      <c r="AW303" s="160"/>
      <c r="AX303" s="160"/>
      <c r="AY303" s="160"/>
      <c r="AZ303" s="160"/>
      <c r="BA303" s="160"/>
      <c r="BB303" s="160"/>
      <c r="BC303" s="160"/>
      <c r="BD303" s="160"/>
      <c r="BE303" s="160"/>
      <c r="BF303" s="160"/>
      <c r="BG303" s="160"/>
      <c r="BH303" s="160"/>
      <c r="BI303" s="160"/>
      <c r="BJ303" s="160"/>
      <c r="BK303" s="160"/>
      <c r="BL303" s="160"/>
      <c r="BM303" s="160"/>
      <c r="BN303" s="160"/>
    </row>
    <row r="304" spans="4:133" ht="15" customHeight="1">
      <c r="D304" s="62" t="s">
        <v>473</v>
      </c>
      <c r="E304" s="86"/>
      <c r="F304" s="231"/>
      <c r="G304" s="160"/>
      <c r="H304" s="160"/>
      <c r="I304" s="160"/>
      <c r="J304" s="160"/>
      <c r="K304" s="160"/>
      <c r="L304" s="160"/>
      <c r="M304" s="160"/>
      <c r="N304" s="160"/>
      <c r="O304" s="160"/>
      <c r="P304" s="160"/>
      <c r="Q304" s="160"/>
      <c r="R304" s="160"/>
      <c r="S304" s="160"/>
      <c r="T304" s="160"/>
      <c r="U304" s="160"/>
      <c r="V304" s="160"/>
      <c r="W304" s="160"/>
      <c r="X304" s="160"/>
      <c r="Y304" s="160"/>
      <c r="Z304" s="160"/>
      <c r="AA304" s="160"/>
      <c r="AB304" s="160"/>
      <c r="AC304" s="160"/>
      <c r="AD304" s="160"/>
      <c r="AE304" s="160"/>
      <c r="AF304" s="160"/>
      <c r="AG304" s="160"/>
      <c r="AH304" s="160"/>
      <c r="AI304" s="160"/>
      <c r="AJ304" s="160"/>
      <c r="AK304" s="160"/>
      <c r="AL304" s="160"/>
      <c r="AM304" s="160"/>
      <c r="AN304" s="160"/>
      <c r="AO304" s="160"/>
      <c r="AP304" s="160"/>
      <c r="AQ304" s="160"/>
      <c r="AR304" s="160"/>
      <c r="AS304" s="160"/>
      <c r="AT304" s="160"/>
      <c r="AU304" s="160"/>
      <c r="AV304" s="160"/>
      <c r="AW304" s="160"/>
      <c r="AX304" s="160"/>
      <c r="AY304" s="160"/>
      <c r="AZ304" s="160"/>
      <c r="BA304" s="160"/>
      <c r="BB304" s="160"/>
      <c r="BC304" s="160"/>
      <c r="BD304" s="160"/>
      <c r="BE304" s="160"/>
      <c r="BF304" s="160"/>
      <c r="BG304" s="160"/>
      <c r="BH304" s="160"/>
      <c r="BI304" s="160"/>
      <c r="BJ304" s="160"/>
      <c r="BK304" s="160"/>
      <c r="BL304" s="160"/>
      <c r="BM304" s="160"/>
      <c r="BN304" s="160"/>
    </row>
    <row r="305" spans="1:67" ht="15" customHeight="1">
      <c r="D305" s="82" t="s">
        <v>451</v>
      </c>
      <c r="E305" s="161"/>
      <c r="F305" s="161"/>
      <c r="G305" s="161"/>
      <c r="H305" s="161"/>
      <c r="I305" s="161"/>
      <c r="J305" s="161"/>
      <c r="K305" s="161"/>
      <c r="L305" s="161"/>
      <c r="M305" s="161"/>
      <c r="N305" s="161"/>
      <c r="O305" s="161"/>
      <c r="P305" s="161"/>
      <c r="Q305" s="161"/>
      <c r="R305" s="161"/>
      <c r="S305" s="161"/>
      <c r="T305" s="161"/>
      <c r="U305" s="161"/>
      <c r="V305" s="161"/>
      <c r="W305" s="161"/>
      <c r="X305" s="161"/>
      <c r="Y305" s="161"/>
      <c r="Z305" s="161"/>
      <c r="AA305" s="161"/>
      <c r="AB305" s="161"/>
      <c r="AC305" s="161"/>
      <c r="AD305" s="161"/>
      <c r="AE305" s="161"/>
      <c r="AF305" s="161"/>
      <c r="AG305" s="161"/>
      <c r="AH305" s="161"/>
      <c r="AI305" s="161"/>
      <c r="AJ305" s="161"/>
      <c r="AK305" s="161"/>
      <c r="AL305" s="161"/>
      <c r="AM305" s="161"/>
      <c r="AN305" s="161"/>
      <c r="AO305" s="161"/>
      <c r="AP305" s="161"/>
      <c r="AQ305" s="161"/>
      <c r="AR305" s="161"/>
      <c r="AS305" s="161"/>
      <c r="AT305" s="161"/>
      <c r="AU305" s="161"/>
      <c r="AV305" s="161"/>
      <c r="AW305" s="161"/>
      <c r="AX305" s="161"/>
      <c r="AY305" s="161"/>
      <c r="AZ305" s="161"/>
      <c r="BA305" s="161"/>
      <c r="BB305" s="161"/>
      <c r="BC305" s="161"/>
      <c r="BD305" s="161"/>
      <c r="BE305" s="161"/>
      <c r="BF305" s="161"/>
      <c r="BG305" s="161"/>
      <c r="BH305" s="161"/>
      <c r="BI305" s="161"/>
      <c r="BJ305" s="161"/>
      <c r="BK305" s="161"/>
      <c r="BL305" s="161"/>
      <c r="BM305" s="161"/>
      <c r="BN305" s="161"/>
      <c r="BO305" s="153"/>
    </row>
    <row r="306" spans="1:67" ht="12.6" customHeight="1">
      <c r="D306" s="172" t="s">
        <v>452</v>
      </c>
      <c r="E306" s="173"/>
      <c r="F306" s="162"/>
      <c r="G306" s="162"/>
      <c r="H306" s="162"/>
      <c r="I306" s="162"/>
      <c r="J306" s="162"/>
      <c r="K306" s="162"/>
      <c r="L306" s="162"/>
      <c r="M306" s="162"/>
      <c r="N306" s="162"/>
      <c r="O306" s="162"/>
      <c r="P306" s="162"/>
      <c r="Q306" s="162"/>
      <c r="R306" s="162"/>
      <c r="S306" s="162"/>
      <c r="T306" s="162"/>
      <c r="U306" s="162"/>
      <c r="V306" s="162"/>
      <c r="W306" s="162"/>
      <c r="X306" s="162"/>
      <c r="Y306" s="162"/>
      <c r="Z306" s="162"/>
      <c r="AA306" s="162"/>
      <c r="AB306" s="162"/>
      <c r="AC306" s="162"/>
      <c r="AD306" s="162"/>
      <c r="AE306" s="162"/>
      <c r="AF306" s="162"/>
      <c r="AG306" s="162"/>
      <c r="AH306" s="162"/>
      <c r="AI306" s="162"/>
      <c r="AJ306" s="162"/>
      <c r="AK306" s="162"/>
      <c r="AL306" s="162"/>
      <c r="AM306" s="162"/>
      <c r="AN306" s="162"/>
      <c r="AO306" s="162"/>
      <c r="AP306" s="162"/>
      <c r="AQ306" s="162"/>
      <c r="AR306" s="162"/>
      <c r="AS306" s="162"/>
      <c r="AT306" s="162"/>
      <c r="AU306" s="162"/>
      <c r="AV306" s="162"/>
      <c r="AW306" s="162"/>
      <c r="AX306" s="162"/>
      <c r="AY306" s="162"/>
      <c r="AZ306" s="162"/>
      <c r="BA306" s="162"/>
      <c r="BB306" s="162"/>
      <c r="BC306" s="162"/>
      <c r="BD306" s="162"/>
      <c r="BE306" s="162"/>
      <c r="BF306" s="162"/>
      <c r="BG306" s="162"/>
      <c r="BH306" s="162"/>
      <c r="BI306" s="162"/>
      <c r="BJ306" s="162"/>
      <c r="BK306" s="162"/>
      <c r="BL306" s="162"/>
      <c r="BM306" s="162"/>
      <c r="BN306" s="162"/>
    </row>
    <row r="307" spans="1:67" ht="15" customHeight="1">
      <c r="D307" s="62" t="s">
        <v>450</v>
      </c>
      <c r="E307" s="62"/>
      <c r="F307" s="170"/>
      <c r="G307" s="170"/>
      <c r="H307" s="170"/>
      <c r="I307" s="170"/>
      <c r="J307" s="170"/>
      <c r="K307" s="170"/>
      <c r="L307" s="170"/>
      <c r="M307" s="170"/>
      <c r="N307" s="170"/>
      <c r="O307" s="170"/>
      <c r="P307" s="170"/>
      <c r="Q307" s="170"/>
      <c r="R307" s="170"/>
      <c r="S307" s="170"/>
      <c r="T307" s="170"/>
      <c r="U307" s="170"/>
      <c r="V307" s="170"/>
      <c r="W307" s="170"/>
      <c r="X307" s="170"/>
      <c r="Y307" s="170"/>
      <c r="Z307" s="170"/>
      <c r="AA307" s="170"/>
      <c r="AB307" s="170"/>
      <c r="AC307" s="170"/>
      <c r="AD307" s="170"/>
      <c r="AE307" s="170"/>
      <c r="AF307" s="170"/>
      <c r="AG307" s="170"/>
      <c r="AH307" s="170"/>
      <c r="AI307" s="170"/>
      <c r="AJ307" s="170"/>
      <c r="AK307" s="170"/>
      <c r="AL307" s="170"/>
      <c r="AM307" s="170"/>
      <c r="AN307" s="170"/>
      <c r="AO307" s="170"/>
      <c r="AP307" s="170"/>
      <c r="AQ307" s="170"/>
      <c r="AR307" s="170"/>
      <c r="AS307" s="170"/>
      <c r="AT307" s="170"/>
      <c r="AU307" s="170"/>
      <c r="AV307" s="170"/>
      <c r="AW307" s="170"/>
      <c r="AX307" s="170"/>
      <c r="AY307" s="170"/>
      <c r="AZ307" s="170"/>
      <c r="BA307" s="170"/>
      <c r="BB307" s="170"/>
      <c r="BC307" s="170"/>
      <c r="BD307" s="170"/>
      <c r="BE307" s="170"/>
      <c r="BF307" s="170"/>
      <c r="BG307" s="170"/>
      <c r="BH307" s="170"/>
      <c r="BI307" s="170"/>
      <c r="BJ307" s="170"/>
      <c r="BK307" s="161"/>
      <c r="BL307" s="161"/>
    </row>
    <row r="308" spans="1:67" ht="6" customHeight="1">
      <c r="D308" s="209"/>
      <c r="E308" s="248"/>
      <c r="F308" s="248"/>
      <c r="G308" s="237"/>
      <c r="H308" s="237"/>
      <c r="I308" s="237"/>
      <c r="J308" s="237"/>
      <c r="K308" s="237"/>
      <c r="L308" s="237"/>
      <c r="M308" s="237"/>
      <c r="N308" s="237"/>
      <c r="O308" s="237"/>
      <c r="P308" s="237"/>
      <c r="Q308" s="237"/>
      <c r="R308" s="237"/>
      <c r="S308" s="237"/>
      <c r="T308" s="188"/>
      <c r="U308" s="200"/>
      <c r="V308" s="239"/>
      <c r="W308" s="239"/>
      <c r="X308" s="239"/>
      <c r="Y308" s="239"/>
      <c r="Z308" s="239"/>
      <c r="AA308" s="239"/>
      <c r="AB308" s="239"/>
      <c r="AC308" s="239"/>
      <c r="AD308" s="239"/>
      <c r="AE308" s="239"/>
      <c r="AF308" s="239"/>
      <c r="AG308" s="239"/>
      <c r="AH308" s="239"/>
      <c r="AI308" s="239"/>
      <c r="AJ308" s="239"/>
      <c r="AK308" s="239"/>
      <c r="AL308" s="239"/>
      <c r="AM308" s="239"/>
      <c r="AN308" s="239"/>
      <c r="AO308" s="239"/>
      <c r="AP308" s="239"/>
      <c r="AQ308" s="239"/>
      <c r="AR308" s="239"/>
      <c r="AS308" s="239"/>
      <c r="AT308" s="239"/>
      <c r="AU308" s="239"/>
      <c r="AV308" s="239"/>
      <c r="AW308" s="239"/>
      <c r="AX308" s="239"/>
      <c r="AY308" s="239"/>
      <c r="AZ308" s="239"/>
      <c r="BA308" s="239"/>
      <c r="BB308" s="239"/>
      <c r="BC308" s="239"/>
      <c r="BD308" s="239"/>
      <c r="BE308" s="239"/>
      <c r="BF308" s="239"/>
      <c r="BG308" s="239"/>
      <c r="BH308" s="239"/>
      <c r="BI308" s="239"/>
      <c r="BJ308" s="239"/>
      <c r="BK308" s="239"/>
      <c r="BL308" s="239"/>
      <c r="BM308" s="239"/>
      <c r="BN308" s="239"/>
    </row>
    <row r="309" spans="1:67" ht="24.75" customHeight="1">
      <c r="A309" s="587" t="s">
        <v>72</v>
      </c>
      <c r="B309" s="587"/>
      <c r="C309" s="587"/>
      <c r="D309" s="587"/>
      <c r="E309" s="587"/>
      <c r="F309" s="587"/>
      <c r="G309" s="587"/>
      <c r="H309" s="587"/>
      <c r="I309" s="587"/>
      <c r="J309" s="587"/>
      <c r="K309" s="587"/>
      <c r="L309" s="587"/>
      <c r="M309" s="587"/>
      <c r="N309" s="587"/>
      <c r="O309" s="587"/>
      <c r="P309" s="587"/>
      <c r="Q309" s="587"/>
      <c r="R309" s="587"/>
      <c r="S309" s="587"/>
      <c r="T309" s="587"/>
      <c r="U309" s="587"/>
      <c r="V309" s="587"/>
      <c r="W309" s="587"/>
      <c r="X309" s="587"/>
      <c r="Y309" s="587"/>
      <c r="Z309" s="587"/>
      <c r="AA309" s="587"/>
      <c r="AB309" s="587"/>
      <c r="AC309" s="587"/>
      <c r="AD309" s="587"/>
      <c r="AE309" s="587"/>
      <c r="AF309" s="587"/>
      <c r="AG309" s="587"/>
      <c r="AH309" s="587"/>
      <c r="AI309" s="587"/>
      <c r="AJ309" s="587"/>
      <c r="AK309" s="587"/>
      <c r="AL309" s="587"/>
      <c r="AM309" s="587"/>
      <c r="AN309" s="587"/>
      <c r="AO309" s="587"/>
      <c r="AP309" s="587"/>
      <c r="AQ309" s="587"/>
      <c r="AR309" s="587"/>
      <c r="AS309" s="587"/>
      <c r="AT309" s="587"/>
      <c r="AU309" s="587"/>
      <c r="AV309" s="587"/>
      <c r="AW309" s="587"/>
      <c r="AX309" s="587"/>
      <c r="AY309" s="587"/>
      <c r="AZ309" s="587"/>
      <c r="BA309" s="587"/>
      <c r="BB309" s="587"/>
      <c r="BC309" s="587"/>
      <c r="BD309" s="587"/>
      <c r="BE309" s="587"/>
      <c r="BF309" s="587"/>
      <c r="BG309" s="587"/>
      <c r="BH309" s="587"/>
      <c r="BI309" s="587"/>
      <c r="BJ309" s="587"/>
      <c r="BK309" s="587"/>
      <c r="BL309" s="587"/>
      <c r="BM309" s="587"/>
      <c r="BN309" s="587"/>
      <c r="BO309" s="166"/>
    </row>
    <row r="310" spans="1:67" ht="24.75" customHeight="1">
      <c r="A310" s="259"/>
      <c r="B310" s="259"/>
      <c r="C310" s="259"/>
      <c r="D310" s="259"/>
      <c r="E310" s="259"/>
      <c r="F310" s="259"/>
      <c r="G310" s="259"/>
      <c r="H310" s="259"/>
      <c r="I310" s="259"/>
      <c r="J310" s="259"/>
      <c r="K310" s="259"/>
      <c r="L310" s="259"/>
      <c r="M310" s="259"/>
      <c r="N310" s="259"/>
      <c r="O310" s="259"/>
      <c r="P310" s="259"/>
      <c r="Q310" s="259"/>
      <c r="R310" s="259"/>
      <c r="S310" s="259"/>
      <c r="T310" s="259"/>
      <c r="U310" s="259"/>
      <c r="V310" s="259"/>
      <c r="W310" s="259"/>
      <c r="X310" s="259"/>
      <c r="Y310" s="259"/>
      <c r="Z310" s="259"/>
      <c r="AA310" s="259"/>
      <c r="AB310" s="259"/>
      <c r="AC310" s="259"/>
      <c r="AD310" s="259"/>
      <c r="AE310" s="259"/>
      <c r="AF310" s="259"/>
      <c r="AG310" s="259"/>
      <c r="AH310" s="259"/>
      <c r="AI310" s="259"/>
      <c r="AJ310" s="259"/>
      <c r="AK310" s="259"/>
      <c r="AL310" s="259"/>
      <c r="AM310" s="259"/>
      <c r="AN310" s="259"/>
      <c r="AO310" s="259"/>
      <c r="AP310" s="259"/>
      <c r="AQ310" s="259"/>
      <c r="AR310" s="259"/>
      <c r="AS310" s="259"/>
      <c r="AT310" s="259"/>
      <c r="AU310" s="259"/>
      <c r="AV310" s="259"/>
      <c r="AW310" s="259"/>
      <c r="AX310" s="259"/>
      <c r="AY310" s="259"/>
      <c r="AZ310" s="259"/>
      <c r="BA310" s="259"/>
      <c r="BB310" s="259"/>
      <c r="BC310" s="259"/>
      <c r="BD310" s="259"/>
      <c r="BE310" s="259"/>
      <c r="BF310" s="259"/>
      <c r="BG310" s="259"/>
      <c r="BH310" s="259"/>
      <c r="BI310" s="259"/>
      <c r="BJ310" s="259"/>
      <c r="BK310" s="259"/>
    </row>
    <row r="311" spans="1:67" ht="20.100000000000001" customHeight="1">
      <c r="A311" s="308" t="s">
        <v>474</v>
      </c>
      <c r="B311" s="308"/>
      <c r="C311" s="308"/>
      <c r="D311" s="308"/>
      <c r="E311" s="250" t="s">
        <v>472</v>
      </c>
      <c r="F311" s="26"/>
      <c r="G311" s="26"/>
      <c r="H311" s="34"/>
      <c r="I311" s="34"/>
      <c r="J311" s="34"/>
      <c r="K311" s="34"/>
      <c r="L311" s="34"/>
      <c r="M311" s="34"/>
      <c r="N311" s="34"/>
      <c r="O311" s="34"/>
      <c r="P311" s="34"/>
      <c r="Q311" s="34"/>
      <c r="R311" s="35"/>
      <c r="S311" s="35"/>
    </row>
    <row r="312" spans="1:67" ht="145.5" customHeight="1">
      <c r="A312" s="308" t="s">
        <v>314</v>
      </c>
      <c r="B312" s="308"/>
      <c r="C312" s="308"/>
      <c r="D312" s="308"/>
      <c r="E312" s="347" t="s">
        <v>269</v>
      </c>
      <c r="F312" s="347"/>
      <c r="G312" s="347"/>
      <c r="H312" s="347"/>
      <c r="I312" s="347"/>
      <c r="J312" s="347"/>
      <c r="K312" s="347"/>
      <c r="L312" s="347"/>
      <c r="M312" s="347"/>
      <c r="N312" s="347"/>
      <c r="O312" s="347"/>
      <c r="P312" s="347"/>
      <c r="Q312" s="347"/>
      <c r="R312" s="347"/>
      <c r="S312" s="347"/>
      <c r="T312" s="347"/>
      <c r="U312" s="347"/>
      <c r="V312" s="347"/>
      <c r="W312" s="347"/>
      <c r="X312" s="347"/>
      <c r="Y312" s="347"/>
      <c r="Z312" s="347"/>
      <c r="AA312" s="347"/>
      <c r="AB312" s="347"/>
      <c r="AC312" s="347"/>
      <c r="AD312" s="347"/>
      <c r="AE312" s="347"/>
      <c r="AF312" s="347"/>
      <c r="AG312" s="347"/>
      <c r="AH312" s="347"/>
      <c r="AI312" s="347"/>
      <c r="AJ312" s="347"/>
      <c r="AK312" s="347"/>
      <c r="AL312" s="347"/>
      <c r="AM312" s="347"/>
      <c r="AN312" s="347"/>
      <c r="AO312" s="347"/>
      <c r="AP312" s="347"/>
      <c r="AQ312" s="347"/>
      <c r="AR312" s="347"/>
      <c r="AS312" s="347"/>
      <c r="AT312" s="347"/>
      <c r="AU312" s="347"/>
      <c r="AV312" s="347"/>
      <c r="AW312" s="347"/>
      <c r="AX312" s="347"/>
      <c r="AY312" s="347"/>
      <c r="AZ312" s="347"/>
      <c r="BA312" s="347"/>
      <c r="BB312" s="347"/>
      <c r="BC312" s="347"/>
      <c r="BD312" s="347"/>
      <c r="BE312" s="347"/>
      <c r="BF312" s="347"/>
      <c r="BG312" s="347"/>
      <c r="BH312" s="347"/>
      <c r="BI312" s="347"/>
      <c r="BJ312" s="347"/>
      <c r="BK312" s="347"/>
      <c r="BL312" s="347"/>
      <c r="BM312" s="347"/>
      <c r="BN312" s="347"/>
    </row>
    <row r="313" spans="1:67" ht="20.100000000000001" customHeight="1">
      <c r="A313" s="308" t="s">
        <v>421</v>
      </c>
      <c r="B313" s="308"/>
      <c r="C313" s="308"/>
      <c r="D313" s="308"/>
      <c r="E313" s="250" t="s">
        <v>73</v>
      </c>
      <c r="F313" s="26"/>
      <c r="G313" s="26"/>
      <c r="H313" s="26"/>
      <c r="I313" s="26"/>
      <c r="J313" s="26"/>
      <c r="K313" s="26"/>
      <c r="L313" s="26"/>
      <c r="M313" s="26"/>
      <c r="N313" s="26"/>
      <c r="O313" s="26"/>
      <c r="P313" s="26"/>
      <c r="Q313" s="26"/>
      <c r="R313" s="33"/>
      <c r="S313" s="33"/>
    </row>
    <row r="314" spans="1:67" ht="20.100000000000001" customHeight="1">
      <c r="A314" s="308" t="s">
        <v>315</v>
      </c>
      <c r="B314" s="308"/>
      <c r="C314" s="308"/>
      <c r="D314" s="308"/>
      <c r="E314" s="250" t="s">
        <v>121</v>
      </c>
      <c r="F314" s="26"/>
      <c r="G314" s="26"/>
      <c r="H314" s="34"/>
      <c r="I314" s="34"/>
      <c r="J314" s="34"/>
      <c r="K314" s="34"/>
      <c r="L314" s="34"/>
      <c r="M314" s="34"/>
      <c r="N314" s="34"/>
      <c r="O314" s="34"/>
      <c r="P314" s="34"/>
      <c r="Q314" s="34"/>
      <c r="R314" s="35"/>
      <c r="S314" s="35"/>
    </row>
    <row r="315" spans="1:67" ht="35.25" customHeight="1">
      <c r="A315" s="308" t="s">
        <v>316</v>
      </c>
      <c r="B315" s="308"/>
      <c r="C315" s="308"/>
      <c r="D315" s="308"/>
      <c r="E315" s="347" t="s">
        <v>250</v>
      </c>
      <c r="F315" s="347"/>
      <c r="G315" s="347"/>
      <c r="H315" s="347"/>
      <c r="I315" s="347"/>
      <c r="J315" s="347"/>
      <c r="K315" s="347"/>
      <c r="L315" s="347"/>
      <c r="M315" s="347"/>
      <c r="N315" s="347"/>
      <c r="O315" s="347"/>
      <c r="P315" s="347"/>
      <c r="Q315" s="347"/>
      <c r="R315" s="347"/>
      <c r="S315" s="347"/>
      <c r="T315" s="347"/>
      <c r="U315" s="347"/>
      <c r="V315" s="347"/>
      <c r="W315" s="347"/>
      <c r="X315" s="347"/>
      <c r="Y315" s="347"/>
      <c r="Z315" s="347"/>
      <c r="AA315" s="347"/>
      <c r="AB315" s="347"/>
      <c r="AC315" s="347"/>
      <c r="AD315" s="347"/>
      <c r="AE315" s="347"/>
      <c r="AF315" s="347"/>
      <c r="AG315" s="347"/>
      <c r="AH315" s="347"/>
      <c r="AI315" s="347"/>
      <c r="AJ315" s="347"/>
      <c r="AK315" s="347"/>
      <c r="AL315" s="347"/>
      <c r="AM315" s="347"/>
      <c r="AN315" s="347"/>
      <c r="AO315" s="347"/>
      <c r="AP315" s="347"/>
      <c r="AQ315" s="347"/>
      <c r="AR315" s="347"/>
      <c r="AS315" s="347"/>
      <c r="AT315" s="347"/>
      <c r="AU315" s="347"/>
      <c r="AV315" s="347"/>
      <c r="AW315" s="347"/>
      <c r="AX315" s="347"/>
      <c r="AY315" s="347"/>
      <c r="AZ315" s="347"/>
      <c r="BA315" s="347"/>
      <c r="BB315" s="347"/>
      <c r="BC315" s="347"/>
      <c r="BD315" s="347"/>
      <c r="BE315" s="347"/>
      <c r="BF315" s="347"/>
      <c r="BG315" s="347"/>
      <c r="BH315" s="347"/>
      <c r="BI315" s="347"/>
      <c r="BJ315" s="347"/>
      <c r="BK315" s="347"/>
      <c r="BL315" s="347"/>
      <c r="BM315" s="347"/>
      <c r="BN315" s="347"/>
    </row>
    <row r="316" spans="1:67" ht="66" customHeight="1">
      <c r="A316" s="308" t="s">
        <v>317</v>
      </c>
      <c r="B316" s="308"/>
      <c r="C316" s="308"/>
      <c r="D316" s="308"/>
      <c r="E316" s="347" t="s">
        <v>362</v>
      </c>
      <c r="F316" s="347"/>
      <c r="G316" s="347"/>
      <c r="H316" s="347"/>
      <c r="I316" s="347"/>
      <c r="J316" s="347"/>
      <c r="K316" s="347"/>
      <c r="L316" s="347"/>
      <c r="M316" s="347"/>
      <c r="N316" s="347"/>
      <c r="O316" s="347"/>
      <c r="P316" s="347"/>
      <c r="Q316" s="347"/>
      <c r="R316" s="347"/>
      <c r="S316" s="347"/>
      <c r="T316" s="347"/>
      <c r="U316" s="347"/>
      <c r="V316" s="347"/>
      <c r="W316" s="347"/>
      <c r="X316" s="347"/>
      <c r="Y316" s="347"/>
      <c r="Z316" s="347"/>
      <c r="AA316" s="347"/>
      <c r="AB316" s="347"/>
      <c r="AC316" s="347"/>
      <c r="AD316" s="347"/>
      <c r="AE316" s="347"/>
      <c r="AF316" s="347"/>
      <c r="AG316" s="347"/>
      <c r="AH316" s="347"/>
      <c r="AI316" s="347"/>
      <c r="AJ316" s="347"/>
      <c r="AK316" s="347"/>
      <c r="AL316" s="347"/>
      <c r="AM316" s="347"/>
      <c r="AN316" s="347"/>
      <c r="AO316" s="347"/>
      <c r="AP316" s="347"/>
      <c r="AQ316" s="347"/>
      <c r="AR316" s="347"/>
      <c r="AS316" s="347"/>
      <c r="AT316" s="347"/>
      <c r="AU316" s="347"/>
      <c r="AV316" s="347"/>
      <c r="AW316" s="347"/>
      <c r="AX316" s="347"/>
      <c r="AY316" s="347"/>
      <c r="AZ316" s="347"/>
      <c r="BA316" s="347"/>
      <c r="BB316" s="347"/>
      <c r="BC316" s="347"/>
      <c r="BD316" s="347"/>
      <c r="BE316" s="347"/>
      <c r="BF316" s="347"/>
      <c r="BG316" s="347"/>
      <c r="BH316" s="347"/>
      <c r="BI316" s="347"/>
      <c r="BJ316" s="347"/>
      <c r="BK316" s="347"/>
      <c r="BL316" s="347"/>
      <c r="BM316" s="347"/>
      <c r="BN316" s="347"/>
    </row>
    <row r="317" spans="1:67" ht="6.75" customHeight="1">
      <c r="A317" s="188"/>
      <c r="B317" s="188"/>
      <c r="C317" s="188"/>
      <c r="D317" s="188"/>
      <c r="E317" s="200"/>
      <c r="F317" s="200"/>
      <c r="G317" s="200"/>
      <c r="H317" s="200"/>
      <c r="I317" s="200"/>
      <c r="J317" s="200"/>
      <c r="K317" s="200"/>
      <c r="L317" s="200"/>
      <c r="M317" s="200"/>
      <c r="N317" s="200"/>
      <c r="O317" s="200"/>
      <c r="P317" s="200"/>
      <c r="Q317" s="200"/>
      <c r="R317" s="200"/>
      <c r="S317" s="200"/>
      <c r="T317" s="200"/>
      <c r="U317" s="200"/>
      <c r="V317" s="200"/>
      <c r="W317" s="200"/>
      <c r="X317" s="200"/>
      <c r="Y317" s="200"/>
      <c r="Z317" s="200"/>
      <c r="AA317" s="200"/>
      <c r="AB317" s="200"/>
      <c r="AC317" s="200"/>
      <c r="AD317" s="200"/>
      <c r="AE317" s="200"/>
      <c r="AF317" s="200"/>
      <c r="AG317" s="200"/>
      <c r="AH317" s="200"/>
      <c r="AI317" s="200"/>
      <c r="AJ317" s="200"/>
      <c r="AK317" s="200"/>
      <c r="AL317" s="200"/>
      <c r="AM317" s="200"/>
      <c r="AN317" s="200"/>
      <c r="AO317" s="200"/>
      <c r="AP317" s="200"/>
      <c r="AQ317" s="200"/>
      <c r="AR317" s="200"/>
      <c r="AS317" s="200"/>
      <c r="AT317" s="200"/>
      <c r="AU317" s="200"/>
      <c r="AV317" s="200"/>
      <c r="AW317" s="200"/>
      <c r="AX317" s="200"/>
      <c r="AY317" s="200"/>
      <c r="AZ317" s="200"/>
      <c r="BA317" s="200"/>
      <c r="BB317" s="200"/>
      <c r="BC317" s="200"/>
      <c r="BD317" s="200"/>
      <c r="BE317" s="200"/>
      <c r="BF317" s="200"/>
      <c r="BG317" s="200"/>
      <c r="BH317" s="200"/>
      <c r="BI317" s="200"/>
      <c r="BJ317" s="200"/>
      <c r="BK317" s="200"/>
      <c r="BL317" s="200"/>
      <c r="BM317" s="200"/>
      <c r="BN317" s="200"/>
    </row>
    <row r="318" spans="1:67" ht="54" customHeight="1">
      <c r="A318" s="589" t="s">
        <v>318</v>
      </c>
      <c r="B318" s="589"/>
      <c r="C318" s="589"/>
      <c r="D318" s="589"/>
      <c r="E318" s="441" t="s">
        <v>116</v>
      </c>
      <c r="F318" s="441"/>
      <c r="G318" s="441"/>
      <c r="H318" s="441"/>
      <c r="I318" s="441"/>
      <c r="J318" s="441"/>
      <c r="K318" s="441"/>
      <c r="L318" s="441"/>
      <c r="M318" s="441"/>
      <c r="N318" s="441"/>
      <c r="O318" s="441"/>
      <c r="P318" s="441"/>
      <c r="Q318" s="441"/>
      <c r="R318" s="441"/>
      <c r="S318" s="441"/>
      <c r="T318" s="441"/>
      <c r="U318" s="441"/>
      <c r="V318" s="441"/>
      <c r="W318" s="441"/>
      <c r="X318" s="441"/>
      <c r="Y318" s="441"/>
      <c r="Z318" s="441"/>
      <c r="AA318" s="441"/>
      <c r="AB318" s="441"/>
      <c r="AC318" s="441"/>
      <c r="AD318" s="441"/>
      <c r="AE318" s="441"/>
      <c r="AF318" s="441"/>
      <c r="AG318" s="441"/>
      <c r="AH318" s="441"/>
      <c r="AI318" s="441"/>
      <c r="AJ318" s="441"/>
      <c r="AK318" s="441"/>
      <c r="AL318" s="441"/>
      <c r="AM318" s="441"/>
      <c r="AN318" s="441"/>
      <c r="AO318" s="441"/>
      <c r="AP318" s="441"/>
      <c r="AQ318" s="441"/>
      <c r="AR318" s="441"/>
      <c r="AS318" s="441"/>
      <c r="AT318" s="441"/>
      <c r="AU318" s="441"/>
      <c r="AV318" s="441"/>
      <c r="AW318" s="441"/>
      <c r="AX318" s="441"/>
      <c r="AY318" s="441"/>
      <c r="AZ318" s="441"/>
      <c r="BA318" s="441"/>
      <c r="BB318" s="441"/>
      <c r="BC318" s="441"/>
      <c r="BD318" s="441"/>
      <c r="BE318" s="441"/>
      <c r="BF318" s="441"/>
      <c r="BG318" s="441"/>
      <c r="BH318" s="441"/>
      <c r="BI318" s="441"/>
      <c r="BJ318" s="441"/>
      <c r="BK318" s="441"/>
      <c r="BL318" s="441"/>
      <c r="BM318" s="441"/>
      <c r="BN318" s="441"/>
    </row>
    <row r="319" spans="1:67" ht="20.100000000000001" customHeight="1">
      <c r="A319" s="78"/>
      <c r="B319" s="78"/>
      <c r="C319" s="78"/>
      <c r="D319" s="78"/>
      <c r="E319" s="78" t="s">
        <v>74</v>
      </c>
      <c r="F319" s="78"/>
      <c r="G319" s="78"/>
      <c r="H319" s="78"/>
      <c r="I319" s="78"/>
      <c r="J319" s="78"/>
      <c r="K319" s="78"/>
      <c r="L319" s="78"/>
      <c r="M319" s="78"/>
      <c r="N319" s="78"/>
      <c r="O319" s="78"/>
      <c r="P319" s="78"/>
      <c r="Q319" s="78"/>
      <c r="R319" s="120"/>
      <c r="S319" s="120"/>
      <c r="T319" s="78"/>
      <c r="U319" s="78"/>
      <c r="V319" s="78"/>
      <c r="W319" s="78"/>
      <c r="X319" s="78"/>
      <c r="Y319" s="78"/>
      <c r="Z319" s="78"/>
      <c r="AA319" s="78"/>
      <c r="AB319" s="78"/>
      <c r="AC319" s="78"/>
      <c r="AD319" s="78"/>
      <c r="AE319" s="78"/>
      <c r="AF319" s="78"/>
      <c r="AG319" s="78"/>
      <c r="AH319" s="78"/>
      <c r="AI319" s="78"/>
      <c r="AJ319" s="78"/>
      <c r="AK319" s="78"/>
      <c r="AL319" s="78"/>
      <c r="AM319" s="78"/>
      <c r="AN319" s="78"/>
      <c r="AO319" s="78"/>
      <c r="AP319" s="78"/>
      <c r="AQ319" s="78"/>
      <c r="AR319" s="78"/>
      <c r="AS319" s="78"/>
      <c r="AT319" s="78"/>
      <c r="AU319" s="78"/>
      <c r="AV319" s="78"/>
      <c r="AW319" s="78"/>
      <c r="AX319" s="78"/>
      <c r="AY319" s="78"/>
      <c r="AZ319" s="78"/>
      <c r="BA319" s="78"/>
      <c r="BB319" s="78"/>
      <c r="BC319" s="78"/>
      <c r="BD319" s="78"/>
      <c r="BE319" s="78"/>
      <c r="BF319" s="78"/>
      <c r="BG319" s="78"/>
      <c r="BH319" s="78"/>
      <c r="BI319" s="78"/>
      <c r="BJ319" s="78"/>
      <c r="BK319" s="78"/>
    </row>
    <row r="320" spans="1:67" ht="35.25" customHeight="1">
      <c r="A320" s="78"/>
      <c r="B320" s="78"/>
      <c r="C320" s="78"/>
      <c r="D320" s="120"/>
      <c r="E320" s="120"/>
      <c r="F320" s="120"/>
      <c r="G320" s="441" t="s">
        <v>117</v>
      </c>
      <c r="H320" s="441"/>
      <c r="I320" s="441"/>
      <c r="J320" s="441"/>
      <c r="K320" s="441"/>
      <c r="L320" s="441"/>
      <c r="M320" s="441"/>
      <c r="N320" s="441"/>
      <c r="O320" s="441"/>
      <c r="P320" s="441"/>
      <c r="Q320" s="441"/>
      <c r="R320" s="441"/>
      <c r="S320" s="441"/>
      <c r="T320" s="441"/>
      <c r="U320" s="441"/>
      <c r="V320" s="441"/>
      <c r="W320" s="441"/>
      <c r="X320" s="441"/>
      <c r="Y320" s="441"/>
      <c r="Z320" s="441"/>
      <c r="AA320" s="441"/>
      <c r="AB320" s="441"/>
      <c r="AC320" s="441"/>
      <c r="AD320" s="441"/>
      <c r="AE320" s="441"/>
      <c r="AF320" s="441"/>
      <c r="AG320" s="441"/>
      <c r="AH320" s="441"/>
      <c r="AI320" s="441"/>
      <c r="AJ320" s="441"/>
      <c r="AK320" s="441"/>
      <c r="AL320" s="441"/>
      <c r="AM320" s="441"/>
      <c r="AN320" s="441"/>
      <c r="AO320" s="441"/>
      <c r="AP320" s="441"/>
      <c r="AQ320" s="441"/>
      <c r="AR320" s="441"/>
      <c r="AS320" s="441"/>
      <c r="AT320" s="441"/>
      <c r="AU320" s="441"/>
      <c r="AV320" s="441"/>
      <c r="AW320" s="441"/>
      <c r="AX320" s="441"/>
      <c r="AY320" s="441"/>
      <c r="AZ320" s="441"/>
      <c r="BA320" s="441"/>
      <c r="BB320" s="441"/>
      <c r="BC320" s="441"/>
      <c r="BD320" s="441"/>
      <c r="BE320" s="441"/>
      <c r="BF320" s="441"/>
      <c r="BG320" s="441"/>
      <c r="BH320" s="441"/>
      <c r="BI320" s="441"/>
      <c r="BJ320" s="441"/>
      <c r="BK320" s="441"/>
      <c r="BL320" s="441"/>
      <c r="BM320" s="441"/>
      <c r="BN320" s="441"/>
    </row>
    <row r="321" spans="1:75" ht="20.100000000000001" customHeight="1">
      <c r="A321" s="78"/>
      <c r="B321" s="78"/>
      <c r="C321" s="78"/>
      <c r="D321" s="78"/>
      <c r="E321" s="78" t="s">
        <v>75</v>
      </c>
      <c r="F321" s="78"/>
      <c r="G321" s="78"/>
      <c r="H321" s="78"/>
      <c r="I321" s="78"/>
      <c r="J321" s="78"/>
      <c r="K321" s="78"/>
      <c r="L321" s="78"/>
      <c r="M321" s="78"/>
      <c r="N321" s="78"/>
      <c r="O321" s="78"/>
      <c r="P321" s="78"/>
      <c r="Q321" s="78"/>
      <c r="R321" s="120"/>
      <c r="S321" s="120"/>
      <c r="T321" s="78"/>
      <c r="U321" s="78"/>
      <c r="V321" s="78"/>
      <c r="W321" s="78"/>
      <c r="X321" s="78"/>
      <c r="Y321" s="78"/>
      <c r="Z321" s="78"/>
      <c r="AA321" s="78"/>
      <c r="AB321" s="78"/>
      <c r="AC321" s="78"/>
      <c r="AD321" s="78"/>
      <c r="AE321" s="78"/>
      <c r="AF321" s="78"/>
      <c r="AG321" s="78"/>
      <c r="AH321" s="78"/>
      <c r="AI321" s="78"/>
      <c r="AJ321" s="78"/>
      <c r="AK321" s="78"/>
      <c r="AL321" s="78"/>
      <c r="AM321" s="78"/>
      <c r="AN321" s="78"/>
      <c r="AO321" s="78"/>
      <c r="AP321" s="78"/>
      <c r="AQ321" s="78"/>
      <c r="AR321" s="78"/>
      <c r="AS321" s="78"/>
      <c r="AT321" s="78"/>
      <c r="AU321" s="78"/>
      <c r="AV321" s="78"/>
      <c r="AW321" s="78"/>
      <c r="AX321" s="78"/>
      <c r="AY321" s="78"/>
      <c r="AZ321" s="78"/>
      <c r="BA321" s="78"/>
      <c r="BB321" s="78"/>
      <c r="BC321" s="78"/>
      <c r="BD321" s="78"/>
      <c r="BE321" s="78"/>
      <c r="BF321" s="78"/>
      <c r="BG321" s="78"/>
      <c r="BH321" s="78"/>
      <c r="BI321" s="78"/>
      <c r="BJ321" s="78"/>
      <c r="BK321" s="78"/>
    </row>
    <row r="322" spans="1:75" ht="35.25" customHeight="1">
      <c r="A322" s="78"/>
      <c r="B322" s="78"/>
      <c r="C322" s="78"/>
      <c r="D322" s="120"/>
      <c r="E322" s="120"/>
      <c r="F322" s="120"/>
      <c r="G322" s="441" t="s">
        <v>118</v>
      </c>
      <c r="H322" s="441"/>
      <c r="I322" s="441"/>
      <c r="J322" s="441"/>
      <c r="K322" s="441"/>
      <c r="L322" s="441"/>
      <c r="M322" s="441"/>
      <c r="N322" s="441"/>
      <c r="O322" s="441"/>
      <c r="P322" s="441"/>
      <c r="Q322" s="441"/>
      <c r="R322" s="441"/>
      <c r="S322" s="441"/>
      <c r="T322" s="441"/>
      <c r="U322" s="441"/>
      <c r="V322" s="441"/>
      <c r="W322" s="441"/>
      <c r="X322" s="441"/>
      <c r="Y322" s="441"/>
      <c r="Z322" s="441"/>
      <c r="AA322" s="441"/>
      <c r="AB322" s="441"/>
      <c r="AC322" s="441"/>
      <c r="AD322" s="441"/>
      <c r="AE322" s="441"/>
      <c r="AF322" s="441"/>
      <c r="AG322" s="441"/>
      <c r="AH322" s="441"/>
      <c r="AI322" s="441"/>
      <c r="AJ322" s="441"/>
      <c r="AK322" s="441"/>
      <c r="AL322" s="441"/>
      <c r="AM322" s="441"/>
      <c r="AN322" s="441"/>
      <c r="AO322" s="441"/>
      <c r="AP322" s="441"/>
      <c r="AQ322" s="441"/>
      <c r="AR322" s="441"/>
      <c r="AS322" s="441"/>
      <c r="AT322" s="441"/>
      <c r="AU322" s="441"/>
      <c r="AV322" s="441"/>
      <c r="AW322" s="441"/>
      <c r="AX322" s="441"/>
      <c r="AY322" s="441"/>
      <c r="AZ322" s="441"/>
      <c r="BA322" s="441"/>
      <c r="BB322" s="441"/>
      <c r="BC322" s="441"/>
      <c r="BD322" s="441"/>
      <c r="BE322" s="441"/>
      <c r="BF322" s="441"/>
      <c r="BG322" s="441"/>
      <c r="BH322" s="441"/>
      <c r="BI322" s="441"/>
      <c r="BJ322" s="441"/>
      <c r="BK322" s="441"/>
      <c r="BL322" s="441"/>
      <c r="BM322" s="441"/>
      <c r="BN322" s="441"/>
    </row>
    <row r="323" spans="1:75" ht="20.100000000000001" customHeight="1">
      <c r="A323" s="78"/>
      <c r="B323" s="78"/>
      <c r="C323" s="78"/>
      <c r="D323" s="78"/>
      <c r="E323" s="78" t="s">
        <v>76</v>
      </c>
      <c r="F323" s="78"/>
      <c r="G323" s="78"/>
      <c r="H323" s="78"/>
      <c r="I323" s="78"/>
      <c r="J323" s="78"/>
      <c r="K323" s="78"/>
      <c r="L323" s="78"/>
      <c r="M323" s="78"/>
      <c r="N323" s="78"/>
      <c r="O323" s="78"/>
      <c r="P323" s="78"/>
      <c r="Q323" s="78"/>
      <c r="R323" s="120"/>
      <c r="S323" s="120"/>
      <c r="T323" s="78"/>
      <c r="U323" s="78"/>
      <c r="V323" s="78"/>
      <c r="W323" s="78"/>
      <c r="X323" s="78"/>
      <c r="Y323" s="78"/>
      <c r="Z323" s="78"/>
      <c r="AA323" s="78"/>
      <c r="AB323" s="78"/>
      <c r="AC323" s="78"/>
      <c r="AD323" s="78"/>
      <c r="AE323" s="78"/>
      <c r="AF323" s="78"/>
      <c r="AG323" s="78"/>
      <c r="AH323" s="78"/>
      <c r="AI323" s="78"/>
      <c r="AJ323" s="78"/>
      <c r="AK323" s="78"/>
      <c r="AL323" s="78"/>
      <c r="AM323" s="78"/>
      <c r="AN323" s="78"/>
      <c r="AO323" s="78"/>
      <c r="AP323" s="78"/>
      <c r="AQ323" s="78"/>
      <c r="AR323" s="78"/>
      <c r="AS323" s="78"/>
      <c r="AT323" s="78"/>
      <c r="AU323" s="78"/>
      <c r="AV323" s="78"/>
      <c r="AW323" s="78"/>
      <c r="AX323" s="78"/>
      <c r="AY323" s="78"/>
      <c r="AZ323" s="78"/>
      <c r="BA323" s="78"/>
      <c r="BB323" s="78"/>
      <c r="BC323" s="78"/>
      <c r="BD323" s="78"/>
      <c r="BE323" s="78"/>
      <c r="BF323" s="78"/>
      <c r="BG323" s="78"/>
      <c r="BH323" s="78"/>
      <c r="BI323" s="78"/>
      <c r="BJ323" s="78"/>
      <c r="BK323" s="78"/>
    </row>
    <row r="324" spans="1:75" ht="19.5" customHeight="1">
      <c r="A324" s="78"/>
      <c r="B324" s="78"/>
      <c r="C324" s="78"/>
      <c r="D324" s="120"/>
      <c r="E324" s="120"/>
      <c r="F324" s="120"/>
      <c r="G324" s="441" t="s">
        <v>119</v>
      </c>
      <c r="H324" s="441"/>
      <c r="I324" s="441"/>
      <c r="J324" s="441"/>
      <c r="K324" s="441"/>
      <c r="L324" s="441"/>
      <c r="M324" s="441"/>
      <c r="N324" s="441"/>
      <c r="O324" s="441"/>
      <c r="P324" s="441"/>
      <c r="Q324" s="441"/>
      <c r="R324" s="441"/>
      <c r="S324" s="441"/>
      <c r="T324" s="441"/>
      <c r="U324" s="441"/>
      <c r="V324" s="441"/>
      <c r="W324" s="441"/>
      <c r="X324" s="441"/>
      <c r="Y324" s="441"/>
      <c r="Z324" s="441"/>
      <c r="AA324" s="441"/>
      <c r="AB324" s="441"/>
      <c r="AC324" s="441"/>
      <c r="AD324" s="441"/>
      <c r="AE324" s="441"/>
      <c r="AF324" s="441"/>
      <c r="AG324" s="441"/>
      <c r="AH324" s="441"/>
      <c r="AI324" s="441"/>
      <c r="AJ324" s="441"/>
      <c r="AK324" s="441"/>
      <c r="AL324" s="441"/>
      <c r="AM324" s="441"/>
      <c r="AN324" s="441"/>
      <c r="AO324" s="441"/>
      <c r="AP324" s="441"/>
      <c r="AQ324" s="441"/>
      <c r="AR324" s="441"/>
      <c r="AS324" s="441"/>
      <c r="AT324" s="441"/>
      <c r="AU324" s="441"/>
      <c r="AV324" s="441"/>
      <c r="AW324" s="441"/>
      <c r="AX324" s="441"/>
      <c r="AY324" s="441"/>
      <c r="AZ324" s="441"/>
      <c r="BA324" s="441"/>
      <c r="BB324" s="441"/>
      <c r="BC324" s="441"/>
      <c r="BD324" s="441"/>
      <c r="BE324" s="441"/>
      <c r="BF324" s="441"/>
      <c r="BG324" s="441"/>
      <c r="BH324" s="441"/>
      <c r="BI324" s="441"/>
      <c r="BJ324" s="441"/>
      <c r="BK324" s="78"/>
    </row>
    <row r="325" spans="1:75" ht="20.100000000000001" customHeight="1">
      <c r="A325" s="78"/>
      <c r="B325" s="78"/>
      <c r="C325" s="78"/>
      <c r="D325" s="78"/>
      <c r="E325" s="78" t="s">
        <v>77</v>
      </c>
      <c r="F325" s="78"/>
      <c r="G325" s="78"/>
      <c r="H325" s="78"/>
      <c r="I325" s="78"/>
      <c r="J325" s="78"/>
      <c r="K325" s="78"/>
      <c r="L325" s="78"/>
      <c r="M325" s="78"/>
      <c r="N325" s="78"/>
      <c r="O325" s="78"/>
      <c r="P325" s="78"/>
      <c r="Q325" s="78"/>
      <c r="R325" s="78"/>
      <c r="S325" s="78"/>
      <c r="T325" s="78"/>
      <c r="U325" s="78"/>
      <c r="V325" s="78"/>
      <c r="W325" s="78"/>
      <c r="X325" s="78"/>
      <c r="Y325" s="78"/>
      <c r="Z325" s="78"/>
      <c r="AA325" s="78"/>
      <c r="AB325" s="78"/>
      <c r="AC325" s="78"/>
      <c r="AD325" s="78"/>
      <c r="AE325" s="78"/>
      <c r="AF325" s="78"/>
      <c r="AG325" s="78"/>
      <c r="AH325" s="78"/>
      <c r="AI325" s="78"/>
      <c r="AJ325" s="78"/>
      <c r="AK325" s="78"/>
      <c r="AL325" s="78"/>
      <c r="AM325" s="78"/>
      <c r="AN325" s="78"/>
      <c r="AO325" s="78"/>
      <c r="AP325" s="78"/>
      <c r="AQ325" s="78"/>
      <c r="AR325" s="78"/>
      <c r="AS325" s="78"/>
      <c r="AT325" s="78"/>
      <c r="AU325" s="78"/>
      <c r="AV325" s="78"/>
      <c r="AW325" s="78"/>
      <c r="AX325" s="78"/>
      <c r="AY325" s="78"/>
      <c r="AZ325" s="78"/>
      <c r="BA325" s="78"/>
      <c r="BB325" s="78"/>
      <c r="BC325" s="78"/>
      <c r="BD325" s="78"/>
      <c r="BE325" s="78"/>
      <c r="BF325" s="78"/>
      <c r="BG325" s="78"/>
      <c r="BH325" s="78"/>
      <c r="BI325" s="78"/>
      <c r="BJ325" s="78"/>
      <c r="BK325" s="78"/>
      <c r="BL325" s="260"/>
      <c r="BM325" s="260"/>
      <c r="BN325" s="260"/>
      <c r="BO325" s="260"/>
      <c r="BP325" s="260"/>
      <c r="BQ325" s="260"/>
      <c r="BR325" s="260"/>
      <c r="BS325" s="260"/>
      <c r="BT325" s="260"/>
      <c r="BU325" s="260"/>
      <c r="BV325" s="260"/>
      <c r="BW325" s="260"/>
    </row>
    <row r="326" spans="1:75" ht="20.100000000000001" customHeight="1">
      <c r="A326" s="78"/>
      <c r="B326" s="78"/>
      <c r="C326" s="78"/>
      <c r="D326" s="78"/>
      <c r="E326" s="120"/>
      <c r="F326" s="120"/>
      <c r="G326" s="120" t="s">
        <v>78</v>
      </c>
      <c r="H326" s="120"/>
      <c r="I326" s="120"/>
      <c r="J326" s="120"/>
      <c r="K326" s="120"/>
      <c r="L326" s="120"/>
      <c r="M326" s="120"/>
      <c r="N326" s="120"/>
      <c r="O326" s="120"/>
      <c r="P326" s="120"/>
      <c r="Q326" s="120"/>
      <c r="R326" s="120"/>
      <c r="S326" s="120"/>
      <c r="T326" s="120"/>
      <c r="U326" s="120"/>
      <c r="V326" s="120"/>
      <c r="W326" s="120"/>
      <c r="X326" s="120"/>
      <c r="Y326" s="120"/>
      <c r="Z326" s="120"/>
      <c r="AA326" s="120"/>
      <c r="AB326" s="120"/>
      <c r="AC326" s="120"/>
      <c r="AD326" s="120"/>
      <c r="AE326" s="120"/>
      <c r="AF326" s="120"/>
      <c r="AG326" s="120"/>
      <c r="AH326" s="120"/>
      <c r="AI326" s="120"/>
      <c r="AJ326" s="120"/>
      <c r="AK326" s="120"/>
      <c r="AL326" s="120"/>
      <c r="AM326" s="120"/>
      <c r="AN326" s="120"/>
      <c r="AO326" s="120"/>
      <c r="AP326" s="120"/>
      <c r="AQ326" s="120"/>
      <c r="AR326" s="120"/>
      <c r="AS326" s="120"/>
      <c r="AT326" s="120"/>
      <c r="AU326" s="120"/>
      <c r="AV326" s="120"/>
      <c r="AW326" s="120"/>
      <c r="AX326" s="120"/>
      <c r="AY326" s="120"/>
      <c r="AZ326" s="120"/>
      <c r="BA326" s="120"/>
      <c r="BB326" s="120"/>
      <c r="BC326" s="120"/>
      <c r="BD326" s="120"/>
      <c r="BE326" s="120"/>
      <c r="BF326" s="120"/>
      <c r="BG326" s="120"/>
      <c r="BH326" s="120"/>
      <c r="BI326" s="120"/>
      <c r="BJ326" s="120"/>
      <c r="BK326" s="120"/>
      <c r="BL326" s="200"/>
      <c r="BM326" s="200"/>
      <c r="BN326" s="200"/>
      <c r="BO326" s="200"/>
      <c r="BP326" s="200"/>
      <c r="BQ326" s="200"/>
      <c r="BR326" s="200"/>
      <c r="BS326" s="200"/>
      <c r="BT326" s="200"/>
      <c r="BU326" s="200"/>
      <c r="BV326" s="200"/>
    </row>
    <row r="327" spans="1:75" ht="20.100000000000001" customHeight="1">
      <c r="A327" s="78"/>
      <c r="B327" s="78"/>
      <c r="C327" s="78"/>
      <c r="D327" s="78"/>
      <c r="E327" s="78" t="s">
        <v>288</v>
      </c>
      <c r="F327" s="78"/>
      <c r="G327" s="78"/>
      <c r="H327" s="78"/>
      <c r="I327" s="78"/>
      <c r="J327" s="78"/>
      <c r="K327" s="78"/>
      <c r="L327" s="78"/>
      <c r="M327" s="78"/>
      <c r="N327" s="78"/>
      <c r="O327" s="78"/>
      <c r="P327" s="78"/>
      <c r="Q327" s="78"/>
      <c r="R327" s="78"/>
      <c r="S327" s="78"/>
      <c r="T327" s="78"/>
      <c r="U327" s="78"/>
      <c r="V327" s="78"/>
      <c r="W327" s="78"/>
      <c r="X327" s="78"/>
      <c r="Y327" s="78"/>
      <c r="Z327" s="78"/>
      <c r="AA327" s="78"/>
      <c r="AB327" s="78"/>
      <c r="AC327" s="78"/>
      <c r="AD327" s="78"/>
      <c r="AE327" s="78"/>
      <c r="AF327" s="78"/>
      <c r="AG327" s="78"/>
      <c r="AH327" s="78"/>
      <c r="AI327" s="78"/>
      <c r="AJ327" s="78"/>
      <c r="AK327" s="78"/>
      <c r="AL327" s="78"/>
      <c r="AM327" s="78"/>
      <c r="AN327" s="78"/>
      <c r="AO327" s="78"/>
      <c r="AP327" s="78"/>
      <c r="AQ327" s="78"/>
      <c r="AR327" s="78"/>
      <c r="AS327" s="78"/>
      <c r="AT327" s="78"/>
      <c r="AU327" s="78"/>
      <c r="AV327" s="78"/>
      <c r="AW327" s="78"/>
      <c r="AX327" s="78"/>
      <c r="AY327" s="78"/>
      <c r="AZ327" s="78"/>
      <c r="BA327" s="78"/>
      <c r="BB327" s="78"/>
      <c r="BC327" s="78"/>
      <c r="BD327" s="78"/>
      <c r="BE327" s="78"/>
      <c r="BF327" s="78"/>
      <c r="BG327" s="78"/>
      <c r="BH327" s="78"/>
      <c r="BI327" s="78"/>
      <c r="BJ327" s="78"/>
      <c r="BK327" s="78"/>
      <c r="BL327" s="260"/>
      <c r="BM327" s="260"/>
      <c r="BN327" s="260"/>
      <c r="BO327" s="260"/>
      <c r="BP327" s="260"/>
      <c r="BQ327" s="260"/>
    </row>
    <row r="328" spans="1:75" ht="20.100000000000001" customHeight="1">
      <c r="A328" s="78"/>
      <c r="B328" s="78"/>
      <c r="C328" s="78"/>
      <c r="D328" s="78"/>
      <c r="E328" s="78"/>
      <c r="F328" s="78"/>
      <c r="G328" s="78" t="s">
        <v>289</v>
      </c>
      <c r="H328" s="78"/>
      <c r="I328" s="78"/>
      <c r="J328" s="78"/>
      <c r="K328" s="78"/>
      <c r="L328" s="78"/>
      <c r="M328" s="78"/>
      <c r="N328" s="78"/>
      <c r="O328" s="78"/>
      <c r="P328" s="78"/>
      <c r="Q328" s="78"/>
      <c r="R328" s="78"/>
      <c r="S328" s="78"/>
      <c r="T328" s="78"/>
      <c r="U328" s="78"/>
      <c r="V328" s="78"/>
      <c r="W328" s="78"/>
      <c r="X328" s="78"/>
      <c r="Y328" s="78"/>
      <c r="Z328" s="78"/>
      <c r="AA328" s="78"/>
      <c r="AB328" s="78"/>
      <c r="AC328" s="79"/>
      <c r="AD328" s="79"/>
      <c r="AE328" s="79"/>
      <c r="AF328" s="79"/>
      <c r="AG328" s="79"/>
      <c r="AH328" s="79"/>
      <c r="AI328" s="78"/>
      <c r="AJ328" s="78"/>
      <c r="AK328" s="78"/>
      <c r="AL328" s="78"/>
      <c r="AM328" s="78"/>
      <c r="AN328" s="78"/>
      <c r="AO328" s="78"/>
      <c r="AP328" s="78"/>
      <c r="AQ328" s="78"/>
      <c r="AR328" s="78"/>
      <c r="AS328" s="78"/>
      <c r="AT328" s="78"/>
      <c r="AU328" s="78"/>
      <c r="AV328" s="78"/>
      <c r="AW328" s="78"/>
      <c r="AX328" s="78"/>
      <c r="AY328" s="78"/>
      <c r="AZ328" s="78"/>
      <c r="BA328" s="79"/>
      <c r="BB328" s="79"/>
      <c r="BC328" s="79"/>
      <c r="BD328" s="79"/>
      <c r="BE328" s="78"/>
      <c r="BF328" s="78"/>
      <c r="BG328" s="79"/>
      <c r="BH328" s="79"/>
      <c r="BI328" s="79"/>
      <c r="BJ328" s="79"/>
      <c r="BK328" s="79"/>
      <c r="BL328" s="235"/>
    </row>
    <row r="329" spans="1:75" ht="19.5" customHeight="1">
      <c r="A329" s="308" t="s">
        <v>319</v>
      </c>
      <c r="B329" s="308"/>
      <c r="C329" s="308"/>
      <c r="D329" s="308"/>
      <c r="E329" s="250" t="s">
        <v>290</v>
      </c>
      <c r="AC329" s="235"/>
      <c r="AD329" s="235"/>
      <c r="AE329" s="235"/>
      <c r="AF329" s="235"/>
      <c r="AG329" s="235"/>
      <c r="AH329" s="235"/>
      <c r="BA329" s="235"/>
      <c r="BB329" s="235"/>
      <c r="BC329" s="235"/>
      <c r="BD329" s="235"/>
      <c r="BG329" s="235"/>
      <c r="BH329" s="235"/>
      <c r="BI329" s="235"/>
      <c r="BJ329" s="235"/>
      <c r="BK329" s="235"/>
      <c r="BL329" s="235"/>
    </row>
    <row r="330" spans="1:75" ht="61.5" customHeight="1">
      <c r="A330" s="308" t="s">
        <v>320</v>
      </c>
      <c r="B330" s="308"/>
      <c r="C330" s="308"/>
      <c r="D330" s="308"/>
      <c r="E330" s="347" t="s">
        <v>344</v>
      </c>
      <c r="F330" s="347"/>
      <c r="G330" s="347"/>
      <c r="H330" s="347"/>
      <c r="I330" s="347"/>
      <c r="J330" s="347"/>
      <c r="K330" s="347"/>
      <c r="L330" s="347"/>
      <c r="M330" s="347"/>
      <c r="N330" s="347"/>
      <c r="O330" s="347"/>
      <c r="P330" s="347"/>
      <c r="Q330" s="347"/>
      <c r="R330" s="347"/>
      <c r="S330" s="347"/>
      <c r="T330" s="347"/>
      <c r="U330" s="347"/>
      <c r="V330" s="347"/>
      <c r="W330" s="347"/>
      <c r="X330" s="347"/>
      <c r="Y330" s="347"/>
      <c r="Z330" s="347"/>
      <c r="AA330" s="347"/>
      <c r="AB330" s="347"/>
      <c r="AC330" s="347"/>
      <c r="AD330" s="347"/>
      <c r="AE330" s="347"/>
      <c r="AF330" s="347"/>
      <c r="AG330" s="347"/>
      <c r="AH330" s="347"/>
      <c r="AI330" s="347"/>
      <c r="AJ330" s="347"/>
      <c r="AK330" s="347"/>
      <c r="AL330" s="347"/>
      <c r="AM330" s="347"/>
      <c r="AN330" s="347"/>
      <c r="AO330" s="347"/>
      <c r="AP330" s="347"/>
      <c r="AQ330" s="347"/>
      <c r="AR330" s="347"/>
      <c r="AS330" s="347"/>
      <c r="AT330" s="347"/>
      <c r="AU330" s="347"/>
      <c r="AV330" s="347"/>
      <c r="AW330" s="347"/>
      <c r="AX330" s="347"/>
      <c r="AY330" s="347"/>
      <c r="AZ330" s="347"/>
      <c r="BA330" s="347"/>
      <c r="BB330" s="347"/>
      <c r="BC330" s="347"/>
      <c r="BD330" s="347"/>
      <c r="BE330" s="347"/>
      <c r="BF330" s="347"/>
      <c r="BG330" s="347"/>
      <c r="BH330" s="347"/>
      <c r="BI330" s="347"/>
      <c r="BJ330" s="347"/>
      <c r="BK330" s="347"/>
      <c r="BL330" s="347"/>
      <c r="BM330" s="347"/>
      <c r="BN330" s="347"/>
    </row>
    <row r="331" spans="1:75" ht="46.2" customHeight="1">
      <c r="A331" s="308" t="s">
        <v>321</v>
      </c>
      <c r="B331" s="308"/>
      <c r="C331" s="308"/>
      <c r="D331" s="308"/>
      <c r="E331" s="347" t="s">
        <v>478</v>
      </c>
      <c r="F331" s="347"/>
      <c r="G331" s="347"/>
      <c r="H331" s="347"/>
      <c r="I331" s="347"/>
      <c r="J331" s="347"/>
      <c r="K331" s="347"/>
      <c r="L331" s="347"/>
      <c r="M331" s="347"/>
      <c r="N331" s="347"/>
      <c r="O331" s="347"/>
      <c r="P331" s="347"/>
      <c r="Q331" s="347"/>
      <c r="R331" s="347"/>
      <c r="S331" s="347"/>
      <c r="T331" s="347"/>
      <c r="U331" s="347"/>
      <c r="V331" s="347"/>
      <c r="W331" s="347"/>
      <c r="X331" s="347"/>
      <c r="Y331" s="347"/>
      <c r="Z331" s="347"/>
      <c r="AA331" s="347"/>
      <c r="AB331" s="347"/>
      <c r="AC331" s="347"/>
      <c r="AD331" s="347"/>
      <c r="AE331" s="347"/>
      <c r="AF331" s="347"/>
      <c r="AG331" s="347"/>
      <c r="AH331" s="347"/>
      <c r="AI331" s="347"/>
      <c r="AJ331" s="347"/>
      <c r="AK331" s="347"/>
      <c r="AL331" s="347"/>
      <c r="AM331" s="347"/>
      <c r="AN331" s="347"/>
      <c r="AO331" s="347"/>
      <c r="AP331" s="347"/>
      <c r="AQ331" s="347"/>
      <c r="AR331" s="347"/>
      <c r="AS331" s="347"/>
      <c r="AT331" s="347"/>
      <c r="AU331" s="347"/>
      <c r="AV331" s="347"/>
      <c r="AW331" s="347"/>
      <c r="AX331" s="347"/>
      <c r="AY331" s="347"/>
      <c r="AZ331" s="347"/>
      <c r="BA331" s="347"/>
      <c r="BB331" s="347"/>
      <c r="BC331" s="347"/>
      <c r="BD331" s="347"/>
      <c r="BE331" s="347"/>
      <c r="BF331" s="347"/>
      <c r="BG331" s="347"/>
      <c r="BH331" s="347"/>
      <c r="BI331" s="347"/>
      <c r="BJ331" s="347"/>
      <c r="BK331" s="347"/>
      <c r="BL331" s="347"/>
      <c r="BM331" s="347"/>
      <c r="BN331" s="347"/>
    </row>
    <row r="332" spans="1:75" ht="49.5" customHeight="1">
      <c r="A332" s="308" t="s">
        <v>322</v>
      </c>
      <c r="B332" s="308"/>
      <c r="C332" s="308"/>
      <c r="D332" s="308"/>
      <c r="E332" s="347" t="s">
        <v>479</v>
      </c>
      <c r="F332" s="347"/>
      <c r="G332" s="347"/>
      <c r="H332" s="347"/>
      <c r="I332" s="347"/>
      <c r="J332" s="347"/>
      <c r="K332" s="347"/>
      <c r="L332" s="347"/>
      <c r="M332" s="347"/>
      <c r="N332" s="347"/>
      <c r="O332" s="347"/>
      <c r="P332" s="347"/>
      <c r="Q332" s="347"/>
      <c r="R332" s="347"/>
      <c r="S332" s="347"/>
      <c r="T332" s="347"/>
      <c r="U332" s="347"/>
      <c r="V332" s="347"/>
      <c r="W332" s="347"/>
      <c r="X332" s="347"/>
      <c r="Y332" s="347"/>
      <c r="Z332" s="347"/>
      <c r="AA332" s="347"/>
      <c r="AB332" s="347"/>
      <c r="AC332" s="347"/>
      <c r="AD332" s="347"/>
      <c r="AE332" s="347"/>
      <c r="AF332" s="347"/>
      <c r="AG332" s="347"/>
      <c r="AH332" s="347"/>
      <c r="AI332" s="347"/>
      <c r="AJ332" s="347"/>
      <c r="AK332" s="347"/>
      <c r="AL332" s="347"/>
      <c r="AM332" s="347"/>
      <c r="AN332" s="347"/>
      <c r="AO332" s="347"/>
      <c r="AP332" s="347"/>
      <c r="AQ332" s="347"/>
      <c r="AR332" s="347"/>
      <c r="AS332" s="347"/>
      <c r="AT332" s="347"/>
      <c r="AU332" s="347"/>
      <c r="AV332" s="347"/>
      <c r="AW332" s="347"/>
      <c r="AX332" s="347"/>
      <c r="AY332" s="347"/>
      <c r="AZ332" s="347"/>
      <c r="BA332" s="347"/>
      <c r="BB332" s="347"/>
      <c r="BC332" s="347"/>
      <c r="BD332" s="347"/>
      <c r="BE332" s="347"/>
      <c r="BF332" s="347"/>
      <c r="BG332" s="347"/>
      <c r="BH332" s="347"/>
      <c r="BI332" s="347"/>
      <c r="BJ332" s="347"/>
      <c r="BK332" s="347"/>
      <c r="BL332" s="347"/>
      <c r="BM332" s="347"/>
      <c r="BN332" s="347"/>
    </row>
    <row r="333" spans="1:75" ht="62.25" customHeight="1">
      <c r="A333" s="239" t="s">
        <v>420</v>
      </c>
      <c r="B333" s="188"/>
      <c r="C333" s="188"/>
      <c r="D333" s="188"/>
      <c r="E333" s="347" t="s">
        <v>480</v>
      </c>
      <c r="F333" s="347"/>
      <c r="G333" s="347"/>
      <c r="H333" s="347"/>
      <c r="I333" s="347"/>
      <c r="J333" s="347"/>
      <c r="K333" s="347"/>
      <c r="L333" s="347"/>
      <c r="M333" s="347"/>
      <c r="N333" s="347"/>
      <c r="O333" s="347"/>
      <c r="P333" s="347"/>
      <c r="Q333" s="347"/>
      <c r="R333" s="347"/>
      <c r="S333" s="347"/>
      <c r="T333" s="347"/>
      <c r="U333" s="347"/>
      <c r="V333" s="347"/>
      <c r="W333" s="347"/>
      <c r="X333" s="347"/>
      <c r="Y333" s="347"/>
      <c r="Z333" s="347"/>
      <c r="AA333" s="347"/>
      <c r="AB333" s="347"/>
      <c r="AC333" s="347"/>
      <c r="AD333" s="347"/>
      <c r="AE333" s="347"/>
      <c r="AF333" s="347"/>
      <c r="AG333" s="347"/>
      <c r="AH333" s="347"/>
      <c r="AI333" s="347"/>
      <c r="AJ333" s="347"/>
      <c r="AK333" s="347"/>
      <c r="AL333" s="347"/>
      <c r="AM333" s="347"/>
      <c r="AN333" s="347"/>
      <c r="AO333" s="347"/>
      <c r="AP333" s="347"/>
      <c r="AQ333" s="347"/>
      <c r="AR333" s="347"/>
      <c r="AS333" s="347"/>
      <c r="AT333" s="347"/>
      <c r="AU333" s="347"/>
      <c r="AV333" s="347"/>
      <c r="AW333" s="347"/>
      <c r="AX333" s="347"/>
      <c r="AY333" s="347"/>
      <c r="AZ333" s="347"/>
      <c r="BA333" s="347"/>
      <c r="BB333" s="347"/>
      <c r="BC333" s="347"/>
      <c r="BD333" s="347"/>
      <c r="BE333" s="347"/>
      <c r="BF333" s="347"/>
      <c r="BG333" s="347"/>
      <c r="BH333" s="347"/>
      <c r="BI333" s="347"/>
      <c r="BJ333" s="347"/>
      <c r="BK333" s="347"/>
      <c r="BL333" s="347"/>
      <c r="BM333" s="347"/>
      <c r="BN333" s="347"/>
    </row>
    <row r="334" spans="1:75" ht="38.25" customHeight="1">
      <c r="A334" s="308" t="s">
        <v>406</v>
      </c>
      <c r="B334" s="308"/>
      <c r="C334" s="308"/>
      <c r="D334" s="308"/>
      <c r="E334" s="347" t="s">
        <v>292</v>
      </c>
      <c r="F334" s="347"/>
      <c r="G334" s="347"/>
      <c r="H334" s="347"/>
      <c r="I334" s="347"/>
      <c r="J334" s="347"/>
      <c r="K334" s="347"/>
      <c r="L334" s="347"/>
      <c r="M334" s="347"/>
      <c r="N334" s="347"/>
      <c r="O334" s="347"/>
      <c r="P334" s="347"/>
      <c r="Q334" s="347"/>
      <c r="R334" s="347"/>
      <c r="S334" s="347"/>
      <c r="T334" s="347"/>
      <c r="U334" s="347"/>
      <c r="V334" s="347"/>
      <c r="W334" s="347"/>
      <c r="X334" s="347"/>
      <c r="Y334" s="347"/>
      <c r="Z334" s="347"/>
      <c r="AA334" s="347"/>
      <c r="AB334" s="347"/>
      <c r="AC334" s="347"/>
      <c r="AD334" s="347"/>
      <c r="AE334" s="347"/>
      <c r="AF334" s="347"/>
      <c r="AG334" s="347"/>
      <c r="AH334" s="347"/>
      <c r="AI334" s="347"/>
      <c r="AJ334" s="347"/>
      <c r="AK334" s="347"/>
      <c r="AL334" s="347"/>
      <c r="AM334" s="347"/>
      <c r="AN334" s="347"/>
      <c r="AO334" s="347"/>
      <c r="AP334" s="347"/>
      <c r="AQ334" s="347"/>
      <c r="AR334" s="347"/>
      <c r="AS334" s="347"/>
      <c r="AT334" s="347"/>
      <c r="AU334" s="347"/>
      <c r="AV334" s="347"/>
      <c r="AW334" s="347"/>
      <c r="AX334" s="347"/>
      <c r="AY334" s="347"/>
      <c r="AZ334" s="347"/>
      <c r="BA334" s="347"/>
      <c r="BB334" s="347"/>
      <c r="BC334" s="347"/>
      <c r="BD334" s="347"/>
      <c r="BE334" s="347"/>
      <c r="BF334" s="347"/>
      <c r="BG334" s="347"/>
      <c r="BH334" s="347"/>
      <c r="BI334" s="347"/>
      <c r="BJ334" s="347"/>
      <c r="BK334" s="347"/>
      <c r="BL334" s="347"/>
      <c r="BM334" s="347"/>
      <c r="BN334" s="347"/>
      <c r="BO334" s="260"/>
    </row>
    <row r="335" spans="1:75" ht="54" customHeight="1">
      <c r="A335" s="308" t="s">
        <v>419</v>
      </c>
      <c r="B335" s="308"/>
      <c r="C335" s="308"/>
      <c r="D335" s="308"/>
      <c r="E335" s="347" t="s">
        <v>481</v>
      </c>
      <c r="F335" s="347"/>
      <c r="G335" s="347"/>
      <c r="H335" s="347"/>
      <c r="I335" s="347"/>
      <c r="J335" s="347"/>
      <c r="K335" s="347"/>
      <c r="L335" s="347"/>
      <c r="M335" s="347"/>
      <c r="N335" s="347"/>
      <c r="O335" s="347"/>
      <c r="P335" s="347"/>
      <c r="Q335" s="347"/>
      <c r="R335" s="347"/>
      <c r="S335" s="347"/>
      <c r="T335" s="347"/>
      <c r="U335" s="347"/>
      <c r="V335" s="347"/>
      <c r="W335" s="347"/>
      <c r="X335" s="347"/>
      <c r="Y335" s="347"/>
      <c r="Z335" s="347"/>
      <c r="AA335" s="347"/>
      <c r="AB335" s="347"/>
      <c r="AC335" s="347"/>
      <c r="AD335" s="347"/>
      <c r="AE335" s="347"/>
      <c r="AF335" s="347"/>
      <c r="AG335" s="347"/>
      <c r="AH335" s="347"/>
      <c r="AI335" s="347"/>
      <c r="AJ335" s="347"/>
      <c r="AK335" s="347"/>
      <c r="AL335" s="347"/>
      <c r="AM335" s="347"/>
      <c r="AN335" s="347"/>
      <c r="AO335" s="347"/>
      <c r="AP335" s="347"/>
      <c r="AQ335" s="347"/>
      <c r="AR335" s="347"/>
      <c r="AS335" s="347"/>
      <c r="AT335" s="347"/>
      <c r="AU335" s="347"/>
      <c r="AV335" s="347"/>
      <c r="AW335" s="347"/>
      <c r="AX335" s="347"/>
      <c r="AY335" s="347"/>
      <c r="AZ335" s="347"/>
      <c r="BA335" s="347"/>
      <c r="BB335" s="347"/>
      <c r="BC335" s="347"/>
      <c r="BD335" s="347"/>
      <c r="BE335" s="347"/>
      <c r="BF335" s="347"/>
      <c r="BG335" s="347"/>
      <c r="BH335" s="347"/>
      <c r="BI335" s="347"/>
      <c r="BJ335" s="347"/>
      <c r="BK335" s="347"/>
      <c r="BL335" s="347"/>
      <c r="BM335" s="347"/>
      <c r="BN335" s="347"/>
      <c r="BO335" s="260"/>
    </row>
    <row r="336" spans="1:75" ht="35.25" customHeight="1">
      <c r="A336" s="308" t="s">
        <v>418</v>
      </c>
      <c r="B336" s="308"/>
      <c r="C336" s="308"/>
      <c r="D336" s="308"/>
      <c r="E336" s="347" t="s">
        <v>120</v>
      </c>
      <c r="F336" s="347"/>
      <c r="G336" s="347"/>
      <c r="H336" s="347"/>
      <c r="I336" s="347"/>
      <c r="J336" s="347"/>
      <c r="K336" s="347"/>
      <c r="L336" s="347"/>
      <c r="M336" s="347"/>
      <c r="N336" s="347"/>
      <c r="O336" s="347"/>
      <c r="P336" s="347"/>
      <c r="Q336" s="347"/>
      <c r="R336" s="347"/>
      <c r="S336" s="347"/>
      <c r="T336" s="347"/>
      <c r="U336" s="347"/>
      <c r="V336" s="347"/>
      <c r="W336" s="347"/>
      <c r="X336" s="347"/>
      <c r="Y336" s="347"/>
      <c r="Z336" s="347"/>
      <c r="AA336" s="347"/>
      <c r="AB336" s="347"/>
      <c r="AC336" s="347"/>
      <c r="AD336" s="347"/>
      <c r="AE336" s="347"/>
      <c r="AF336" s="347"/>
      <c r="AG336" s="347"/>
      <c r="AH336" s="347"/>
      <c r="AI336" s="347"/>
      <c r="AJ336" s="347"/>
      <c r="AK336" s="347"/>
      <c r="AL336" s="347"/>
      <c r="AM336" s="347"/>
      <c r="AN336" s="347"/>
      <c r="AO336" s="347"/>
      <c r="AP336" s="347"/>
      <c r="AQ336" s="347"/>
      <c r="AR336" s="347"/>
      <c r="AS336" s="347"/>
      <c r="AT336" s="347"/>
      <c r="AU336" s="347"/>
      <c r="AV336" s="347"/>
      <c r="AW336" s="347"/>
      <c r="AX336" s="347"/>
      <c r="AY336" s="347"/>
      <c r="AZ336" s="347"/>
      <c r="BA336" s="347"/>
      <c r="BB336" s="347"/>
      <c r="BC336" s="347"/>
      <c r="BD336" s="347"/>
      <c r="BE336" s="347"/>
      <c r="BF336" s="347"/>
      <c r="BG336" s="347"/>
      <c r="BH336" s="347"/>
      <c r="BI336" s="347"/>
      <c r="BJ336" s="347"/>
      <c r="BK336" s="347"/>
      <c r="BL336" s="347"/>
      <c r="BM336" s="347"/>
      <c r="BN336" s="347"/>
    </row>
    <row r="337" spans="1:71" ht="20.100000000000001" customHeight="1">
      <c r="A337" s="308" t="s">
        <v>417</v>
      </c>
      <c r="B337" s="308"/>
      <c r="C337" s="308"/>
      <c r="D337" s="308"/>
      <c r="E337" s="250" t="s">
        <v>79</v>
      </c>
    </row>
    <row r="338" spans="1:71" ht="105" customHeight="1">
      <c r="A338" s="589" t="s">
        <v>416</v>
      </c>
      <c r="B338" s="589"/>
      <c r="C338" s="589"/>
      <c r="D338" s="589"/>
      <c r="E338" s="441" t="s">
        <v>361</v>
      </c>
      <c r="F338" s="441"/>
      <c r="G338" s="441"/>
      <c r="H338" s="441"/>
      <c r="I338" s="441"/>
      <c r="J338" s="441"/>
      <c r="K338" s="441"/>
      <c r="L338" s="441"/>
      <c r="M338" s="441"/>
      <c r="N338" s="441"/>
      <c r="O338" s="441"/>
      <c r="P338" s="441"/>
      <c r="Q338" s="441"/>
      <c r="R338" s="441"/>
      <c r="S338" s="441"/>
      <c r="T338" s="441"/>
      <c r="U338" s="441"/>
      <c r="V338" s="441"/>
      <c r="W338" s="441"/>
      <c r="X338" s="441"/>
      <c r="Y338" s="441"/>
      <c r="Z338" s="441"/>
      <c r="AA338" s="441"/>
      <c r="AB338" s="441"/>
      <c r="AC338" s="441"/>
      <c r="AD338" s="441"/>
      <c r="AE338" s="441"/>
      <c r="AF338" s="441"/>
      <c r="AG338" s="441"/>
      <c r="AH338" s="441"/>
      <c r="AI338" s="441"/>
      <c r="AJ338" s="441"/>
      <c r="AK338" s="441"/>
      <c r="AL338" s="441"/>
      <c r="AM338" s="441"/>
      <c r="AN338" s="441"/>
      <c r="AO338" s="441"/>
      <c r="AP338" s="441"/>
      <c r="AQ338" s="441"/>
      <c r="AR338" s="441"/>
      <c r="AS338" s="441"/>
      <c r="AT338" s="441"/>
      <c r="AU338" s="441"/>
      <c r="AV338" s="441"/>
      <c r="AW338" s="441"/>
      <c r="AX338" s="441"/>
      <c r="AY338" s="441"/>
      <c r="AZ338" s="441"/>
      <c r="BA338" s="441"/>
      <c r="BB338" s="441"/>
      <c r="BC338" s="441"/>
      <c r="BD338" s="441"/>
      <c r="BE338" s="441"/>
      <c r="BF338" s="441"/>
      <c r="BG338" s="441"/>
      <c r="BH338" s="441"/>
      <c r="BI338" s="441"/>
      <c r="BJ338" s="441"/>
      <c r="BK338" s="441"/>
      <c r="BL338" s="441"/>
      <c r="BM338" s="441"/>
      <c r="BN338" s="441"/>
    </row>
    <row r="339" spans="1:71" ht="20.100000000000001" customHeight="1">
      <c r="A339" s="308"/>
      <c r="B339" s="308"/>
      <c r="C339" s="308"/>
      <c r="D339" s="308"/>
      <c r="E339" s="250" t="s">
        <v>360</v>
      </c>
    </row>
    <row r="340" spans="1:71" ht="108.75" customHeight="1">
      <c r="A340" s="308"/>
      <c r="B340" s="308"/>
      <c r="C340" s="308"/>
      <c r="D340" s="308"/>
      <c r="E340" s="441" t="s">
        <v>270</v>
      </c>
      <c r="F340" s="441"/>
      <c r="G340" s="441"/>
      <c r="H340" s="441"/>
      <c r="I340" s="441"/>
      <c r="J340" s="441"/>
      <c r="K340" s="441"/>
      <c r="L340" s="441"/>
      <c r="M340" s="441"/>
      <c r="N340" s="441"/>
      <c r="O340" s="441"/>
      <c r="P340" s="441"/>
      <c r="Q340" s="441"/>
      <c r="R340" s="441"/>
      <c r="S340" s="441"/>
      <c r="T340" s="441"/>
      <c r="U340" s="441"/>
      <c r="V340" s="441"/>
      <c r="W340" s="441"/>
      <c r="X340" s="441"/>
      <c r="Y340" s="441"/>
      <c r="Z340" s="441"/>
      <c r="AA340" s="441"/>
      <c r="AB340" s="441"/>
      <c r="AC340" s="441"/>
      <c r="AD340" s="441"/>
      <c r="AE340" s="441"/>
      <c r="AF340" s="441"/>
      <c r="AG340" s="441"/>
      <c r="AH340" s="441"/>
      <c r="AI340" s="441"/>
      <c r="AJ340" s="441"/>
      <c r="AK340" s="441"/>
      <c r="AL340" s="441"/>
      <c r="AM340" s="441"/>
      <c r="AN340" s="441"/>
      <c r="AO340" s="441"/>
      <c r="AP340" s="441"/>
      <c r="AQ340" s="441"/>
      <c r="AR340" s="441"/>
      <c r="AS340" s="441"/>
      <c r="AT340" s="441"/>
      <c r="AU340" s="441"/>
      <c r="AV340" s="441"/>
      <c r="AW340" s="441"/>
      <c r="AX340" s="441"/>
      <c r="AY340" s="441"/>
      <c r="AZ340" s="441"/>
      <c r="BA340" s="441"/>
      <c r="BB340" s="441"/>
      <c r="BC340" s="441"/>
      <c r="BD340" s="441"/>
      <c r="BE340" s="441"/>
      <c r="BF340" s="441"/>
      <c r="BG340" s="441"/>
      <c r="BH340" s="441"/>
      <c r="BI340" s="441"/>
      <c r="BJ340" s="441"/>
      <c r="BK340" s="441"/>
      <c r="BL340" s="441"/>
      <c r="BM340" s="441"/>
      <c r="BN340" s="441"/>
    </row>
    <row r="341" spans="1:71" ht="141" customHeight="1">
      <c r="A341" s="308"/>
      <c r="B341" s="308"/>
      <c r="C341" s="308"/>
      <c r="D341" s="308"/>
      <c r="E341" s="441" t="s">
        <v>271</v>
      </c>
      <c r="F341" s="441"/>
      <c r="G341" s="441"/>
      <c r="H341" s="441"/>
      <c r="I341" s="441"/>
      <c r="J341" s="441"/>
      <c r="K341" s="441"/>
      <c r="L341" s="441"/>
      <c r="M341" s="441"/>
      <c r="N341" s="441"/>
      <c r="O341" s="441"/>
      <c r="P341" s="441"/>
      <c r="Q341" s="441"/>
      <c r="R341" s="441"/>
      <c r="S341" s="441"/>
      <c r="T341" s="441"/>
      <c r="U341" s="441"/>
      <c r="V341" s="441"/>
      <c r="W341" s="441"/>
      <c r="X341" s="441"/>
      <c r="Y341" s="441"/>
      <c r="Z341" s="441"/>
      <c r="AA341" s="441"/>
      <c r="AB341" s="441"/>
      <c r="AC341" s="441"/>
      <c r="AD341" s="441"/>
      <c r="AE341" s="441"/>
      <c r="AF341" s="441"/>
      <c r="AG341" s="441"/>
      <c r="AH341" s="441"/>
      <c r="AI341" s="441"/>
      <c r="AJ341" s="441"/>
      <c r="AK341" s="441"/>
      <c r="AL341" s="441"/>
      <c r="AM341" s="441"/>
      <c r="AN341" s="441"/>
      <c r="AO341" s="441"/>
      <c r="AP341" s="441"/>
      <c r="AQ341" s="441"/>
      <c r="AR341" s="441"/>
      <c r="AS341" s="441"/>
      <c r="AT341" s="441"/>
      <c r="AU341" s="441"/>
      <c r="AV341" s="441"/>
      <c r="AW341" s="441"/>
      <c r="AX341" s="441"/>
      <c r="AY341" s="441"/>
      <c r="AZ341" s="441"/>
      <c r="BA341" s="441"/>
      <c r="BB341" s="441"/>
      <c r="BC341" s="441"/>
      <c r="BD341" s="441"/>
      <c r="BE341" s="441"/>
      <c r="BF341" s="441"/>
      <c r="BG341" s="441"/>
      <c r="BH341" s="441"/>
      <c r="BI341" s="441"/>
      <c r="BJ341" s="441"/>
      <c r="BK341" s="441"/>
      <c r="BL341" s="441"/>
      <c r="BM341" s="441"/>
      <c r="BN341" s="441"/>
    </row>
    <row r="342" spans="1:71" ht="70.5" customHeight="1">
      <c r="A342" s="308" t="s">
        <v>415</v>
      </c>
      <c r="B342" s="308"/>
      <c r="C342" s="308"/>
      <c r="D342" s="308"/>
      <c r="E342" s="347" t="s">
        <v>304</v>
      </c>
      <c r="F342" s="347"/>
      <c r="G342" s="347"/>
      <c r="H342" s="347"/>
      <c r="I342" s="347"/>
      <c r="J342" s="347"/>
      <c r="K342" s="347"/>
      <c r="L342" s="347"/>
      <c r="M342" s="347"/>
      <c r="N342" s="347"/>
      <c r="O342" s="347"/>
      <c r="P342" s="347"/>
      <c r="Q342" s="347"/>
      <c r="R342" s="347"/>
      <c r="S342" s="347"/>
      <c r="T342" s="347"/>
      <c r="U342" s="347"/>
      <c r="V342" s="347"/>
      <c r="W342" s="347"/>
      <c r="X342" s="347"/>
      <c r="Y342" s="347"/>
      <c r="Z342" s="347"/>
      <c r="AA342" s="347"/>
      <c r="AB342" s="347"/>
      <c r="AC342" s="347"/>
      <c r="AD342" s="347"/>
      <c r="AE342" s="347"/>
      <c r="AF342" s="347"/>
      <c r="AG342" s="347"/>
      <c r="AH342" s="347"/>
      <c r="AI342" s="347"/>
      <c r="AJ342" s="347"/>
      <c r="AK342" s="347"/>
      <c r="AL342" s="347"/>
      <c r="AM342" s="347"/>
      <c r="AN342" s="347"/>
      <c r="AO342" s="347"/>
      <c r="AP342" s="347"/>
      <c r="AQ342" s="347"/>
      <c r="AR342" s="347"/>
      <c r="AS342" s="347"/>
      <c r="AT342" s="347"/>
      <c r="AU342" s="347"/>
      <c r="AV342" s="347"/>
      <c r="AW342" s="347"/>
      <c r="AX342" s="347"/>
      <c r="AY342" s="347"/>
      <c r="AZ342" s="347"/>
      <c r="BA342" s="347"/>
      <c r="BB342" s="347"/>
      <c r="BC342" s="347"/>
      <c r="BD342" s="347"/>
      <c r="BE342" s="347"/>
      <c r="BF342" s="347"/>
      <c r="BG342" s="347"/>
      <c r="BH342" s="347"/>
      <c r="BI342" s="347"/>
      <c r="BJ342" s="347"/>
      <c r="BK342" s="347"/>
      <c r="BL342" s="347"/>
      <c r="BM342" s="347"/>
      <c r="BN342" s="347"/>
      <c r="BO342" s="260"/>
    </row>
    <row r="343" spans="1:71" ht="54.75" customHeight="1">
      <c r="A343" s="308" t="s">
        <v>414</v>
      </c>
      <c r="B343" s="308"/>
      <c r="C343" s="308"/>
      <c r="D343" s="308"/>
      <c r="E343" s="347" t="s">
        <v>345</v>
      </c>
      <c r="F343" s="347"/>
      <c r="G343" s="347"/>
      <c r="H343" s="347"/>
      <c r="I343" s="347"/>
      <c r="J343" s="347"/>
      <c r="K343" s="347"/>
      <c r="L343" s="347"/>
      <c r="M343" s="347"/>
      <c r="N343" s="347"/>
      <c r="O343" s="347"/>
      <c r="P343" s="347"/>
      <c r="Q343" s="347"/>
      <c r="R343" s="347"/>
      <c r="S343" s="347"/>
      <c r="T343" s="347"/>
      <c r="U343" s="347"/>
      <c r="V343" s="347"/>
      <c r="W343" s="347"/>
      <c r="X343" s="347"/>
      <c r="Y343" s="347"/>
      <c r="Z343" s="347"/>
      <c r="AA343" s="347"/>
      <c r="AB343" s="347"/>
      <c r="AC343" s="347"/>
      <c r="AD343" s="347"/>
      <c r="AE343" s="347"/>
      <c r="AF343" s="347"/>
      <c r="AG343" s="347"/>
      <c r="AH343" s="347"/>
      <c r="AI343" s="347"/>
      <c r="AJ343" s="347"/>
      <c r="AK343" s="347"/>
      <c r="AL343" s="347"/>
      <c r="AM343" s="347"/>
      <c r="AN343" s="347"/>
      <c r="AO343" s="347"/>
      <c r="AP343" s="347"/>
      <c r="AQ343" s="347"/>
      <c r="AR343" s="347"/>
      <c r="AS343" s="347"/>
      <c r="AT343" s="347"/>
      <c r="AU343" s="347"/>
      <c r="AV343" s="347"/>
      <c r="AW343" s="347"/>
      <c r="AX343" s="347"/>
      <c r="AY343" s="347"/>
      <c r="AZ343" s="347"/>
      <c r="BA343" s="347"/>
      <c r="BB343" s="347"/>
      <c r="BC343" s="347"/>
      <c r="BD343" s="347"/>
      <c r="BE343" s="347"/>
      <c r="BF343" s="347"/>
      <c r="BG343" s="347"/>
      <c r="BH343" s="347"/>
      <c r="BI343" s="347"/>
      <c r="BJ343" s="347"/>
      <c r="BK343" s="347"/>
      <c r="BL343" s="347"/>
      <c r="BM343" s="347"/>
      <c r="BN343" s="347"/>
      <c r="BO343" s="260"/>
    </row>
    <row r="344" spans="1:71" ht="54.75" customHeight="1">
      <c r="A344" s="308" t="s">
        <v>413</v>
      </c>
      <c r="B344" s="308"/>
      <c r="C344" s="308"/>
      <c r="D344" s="308"/>
      <c r="E344" s="347" t="s">
        <v>346</v>
      </c>
      <c r="F344" s="347"/>
      <c r="G344" s="347"/>
      <c r="H344" s="347"/>
      <c r="I344" s="347"/>
      <c r="J344" s="347"/>
      <c r="K344" s="347"/>
      <c r="L344" s="347"/>
      <c r="M344" s="347"/>
      <c r="N344" s="347"/>
      <c r="O344" s="347"/>
      <c r="P344" s="347"/>
      <c r="Q344" s="347"/>
      <c r="R344" s="347"/>
      <c r="S344" s="347"/>
      <c r="T344" s="347"/>
      <c r="U344" s="347"/>
      <c r="V344" s="347"/>
      <c r="W344" s="347"/>
      <c r="X344" s="347"/>
      <c r="Y344" s="347"/>
      <c r="Z344" s="347"/>
      <c r="AA344" s="347"/>
      <c r="AB344" s="347"/>
      <c r="AC344" s="347"/>
      <c r="AD344" s="347"/>
      <c r="AE344" s="347"/>
      <c r="AF344" s="347"/>
      <c r="AG344" s="347"/>
      <c r="AH344" s="347"/>
      <c r="AI344" s="347"/>
      <c r="AJ344" s="347"/>
      <c r="AK344" s="347"/>
      <c r="AL344" s="347"/>
      <c r="AM344" s="347"/>
      <c r="AN344" s="347"/>
      <c r="AO344" s="347"/>
      <c r="AP344" s="347"/>
      <c r="AQ344" s="347"/>
      <c r="AR344" s="347"/>
      <c r="AS344" s="347"/>
      <c r="AT344" s="347"/>
      <c r="AU344" s="347"/>
      <c r="AV344" s="347"/>
      <c r="AW344" s="347"/>
      <c r="AX344" s="347"/>
      <c r="AY344" s="347"/>
      <c r="AZ344" s="347"/>
      <c r="BA344" s="347"/>
      <c r="BB344" s="347"/>
      <c r="BC344" s="347"/>
      <c r="BD344" s="347"/>
      <c r="BE344" s="347"/>
      <c r="BF344" s="347"/>
      <c r="BG344" s="347"/>
      <c r="BH344" s="347"/>
      <c r="BI344" s="347"/>
      <c r="BJ344" s="347"/>
      <c r="BK344" s="347"/>
      <c r="BL344" s="347"/>
      <c r="BM344" s="347"/>
      <c r="BN344" s="347"/>
      <c r="BO344" s="260"/>
    </row>
    <row r="345" spans="1:71" ht="105.75" customHeight="1">
      <c r="A345" s="308" t="s">
        <v>412</v>
      </c>
      <c r="B345" s="308"/>
      <c r="C345" s="308"/>
      <c r="D345" s="308"/>
      <c r="E345" s="347" t="s">
        <v>291</v>
      </c>
      <c r="F345" s="347"/>
      <c r="G345" s="347"/>
      <c r="H345" s="347"/>
      <c r="I345" s="347"/>
      <c r="J345" s="347"/>
      <c r="K345" s="347"/>
      <c r="L345" s="347"/>
      <c r="M345" s="347"/>
      <c r="N345" s="347"/>
      <c r="O345" s="347"/>
      <c r="P345" s="347"/>
      <c r="Q345" s="347"/>
      <c r="R345" s="347"/>
      <c r="S345" s="347"/>
      <c r="T345" s="347"/>
      <c r="U345" s="347"/>
      <c r="V345" s="347"/>
      <c r="W345" s="347"/>
      <c r="X345" s="347"/>
      <c r="Y345" s="347"/>
      <c r="Z345" s="347"/>
      <c r="AA345" s="347"/>
      <c r="AB345" s="347"/>
      <c r="AC345" s="347"/>
      <c r="AD345" s="347"/>
      <c r="AE345" s="347"/>
      <c r="AF345" s="347"/>
      <c r="AG345" s="347"/>
      <c r="AH345" s="347"/>
      <c r="AI345" s="347"/>
      <c r="AJ345" s="347"/>
      <c r="AK345" s="347"/>
      <c r="AL345" s="347"/>
      <c r="AM345" s="347"/>
      <c r="AN345" s="347"/>
      <c r="AO345" s="347"/>
      <c r="AP345" s="347"/>
      <c r="AQ345" s="347"/>
      <c r="AR345" s="347"/>
      <c r="AS345" s="347"/>
      <c r="AT345" s="347"/>
      <c r="AU345" s="347"/>
      <c r="AV345" s="347"/>
      <c r="AW345" s="347"/>
      <c r="AX345" s="347"/>
      <c r="AY345" s="347"/>
      <c r="AZ345" s="347"/>
      <c r="BA345" s="347"/>
      <c r="BB345" s="347"/>
      <c r="BC345" s="347"/>
      <c r="BD345" s="347"/>
      <c r="BE345" s="347"/>
      <c r="BF345" s="347"/>
      <c r="BG345" s="347"/>
      <c r="BH345" s="347"/>
      <c r="BI345" s="347"/>
      <c r="BJ345" s="347"/>
      <c r="BK345" s="347"/>
      <c r="BL345" s="347"/>
      <c r="BM345" s="347"/>
      <c r="BN345" s="347"/>
      <c r="BO345" s="260"/>
    </row>
    <row r="346" spans="1:71" ht="20.100000000000001" customHeight="1">
      <c r="A346" s="239" t="s">
        <v>411</v>
      </c>
      <c r="B346" s="188"/>
      <c r="C346" s="188"/>
      <c r="D346" s="188"/>
    </row>
    <row r="347" spans="1:71" ht="38.25" customHeight="1">
      <c r="A347" s="468"/>
      <c r="B347" s="308"/>
      <c r="C347" s="308"/>
      <c r="D347" s="308"/>
      <c r="E347" s="347" t="s">
        <v>482</v>
      </c>
      <c r="F347" s="347"/>
      <c r="G347" s="347"/>
      <c r="H347" s="347"/>
      <c r="I347" s="347"/>
      <c r="J347" s="347"/>
      <c r="K347" s="347"/>
      <c r="L347" s="347"/>
      <c r="M347" s="347"/>
      <c r="N347" s="347"/>
      <c r="O347" s="347"/>
      <c r="P347" s="347"/>
      <c r="Q347" s="347"/>
      <c r="R347" s="347"/>
      <c r="S347" s="347"/>
      <c r="T347" s="347"/>
      <c r="U347" s="347"/>
      <c r="V347" s="347"/>
      <c r="W347" s="347"/>
      <c r="X347" s="347"/>
      <c r="Y347" s="347"/>
      <c r="Z347" s="347"/>
      <c r="AA347" s="347"/>
      <c r="AB347" s="347"/>
      <c r="AC347" s="347"/>
      <c r="AD347" s="347"/>
      <c r="AE347" s="347"/>
      <c r="AF347" s="347"/>
      <c r="AG347" s="347"/>
      <c r="AH347" s="347"/>
      <c r="AI347" s="347"/>
      <c r="AJ347" s="347"/>
      <c r="AK347" s="347"/>
      <c r="AL347" s="347"/>
      <c r="AM347" s="347"/>
      <c r="AN347" s="347"/>
      <c r="AO347" s="347"/>
      <c r="AP347" s="347"/>
      <c r="AQ347" s="347"/>
      <c r="AR347" s="347"/>
      <c r="AS347" s="347"/>
      <c r="AT347" s="347"/>
      <c r="AU347" s="347"/>
      <c r="AV347" s="347"/>
      <c r="AW347" s="347"/>
      <c r="AX347" s="347"/>
      <c r="AY347" s="347"/>
      <c r="AZ347" s="347"/>
      <c r="BA347" s="347"/>
      <c r="BB347" s="347"/>
      <c r="BC347" s="347"/>
      <c r="BD347" s="347"/>
      <c r="BE347" s="347"/>
      <c r="BF347" s="347"/>
      <c r="BG347" s="347"/>
      <c r="BH347" s="347"/>
      <c r="BI347" s="347"/>
      <c r="BJ347" s="347"/>
      <c r="BK347" s="347"/>
      <c r="BL347" s="347"/>
      <c r="BM347" s="347"/>
      <c r="BN347" s="347"/>
      <c r="BO347" s="260"/>
    </row>
    <row r="348" spans="1:71" ht="54.75" customHeight="1">
      <c r="A348" s="521" t="s">
        <v>410</v>
      </c>
      <c r="B348" s="521"/>
      <c r="C348" s="521"/>
      <c r="D348" s="521"/>
      <c r="E348" s="347" t="s">
        <v>295</v>
      </c>
      <c r="F348" s="347"/>
      <c r="G348" s="347"/>
      <c r="H348" s="347"/>
      <c r="I348" s="347"/>
      <c r="J348" s="347"/>
      <c r="K348" s="347"/>
      <c r="L348" s="347"/>
      <c r="M348" s="347"/>
      <c r="N348" s="347"/>
      <c r="O348" s="347"/>
      <c r="P348" s="347"/>
      <c r="Q348" s="347"/>
      <c r="R348" s="347"/>
      <c r="S348" s="347"/>
      <c r="T348" s="347"/>
      <c r="U348" s="347"/>
      <c r="V348" s="347"/>
      <c r="W348" s="347"/>
      <c r="X348" s="347"/>
      <c r="Y348" s="347"/>
      <c r="Z348" s="347"/>
      <c r="AA348" s="347"/>
      <c r="AB348" s="347"/>
      <c r="AC348" s="347"/>
      <c r="AD348" s="347"/>
      <c r="AE348" s="347"/>
      <c r="AF348" s="347"/>
      <c r="AG348" s="347"/>
      <c r="AH348" s="347"/>
      <c r="AI348" s="347"/>
      <c r="AJ348" s="347"/>
      <c r="AK348" s="347"/>
      <c r="AL348" s="347"/>
      <c r="AM348" s="347"/>
      <c r="AN348" s="347"/>
      <c r="AO348" s="347"/>
      <c r="AP348" s="347"/>
      <c r="AQ348" s="347"/>
      <c r="AR348" s="347"/>
      <c r="AS348" s="347"/>
      <c r="AT348" s="347"/>
      <c r="AU348" s="347"/>
      <c r="AV348" s="347"/>
      <c r="AW348" s="347"/>
      <c r="AX348" s="347"/>
      <c r="AY348" s="347"/>
      <c r="AZ348" s="347"/>
      <c r="BA348" s="347"/>
      <c r="BB348" s="347"/>
      <c r="BC348" s="347"/>
      <c r="BD348" s="347"/>
      <c r="BE348" s="347"/>
      <c r="BF348" s="347"/>
      <c r="BG348" s="347"/>
      <c r="BH348" s="347"/>
      <c r="BI348" s="347"/>
      <c r="BJ348" s="347"/>
      <c r="BK348" s="347"/>
      <c r="BL348" s="347"/>
      <c r="BM348" s="347"/>
      <c r="BN348" s="347"/>
    </row>
    <row r="349" spans="1:71" ht="34.5" customHeight="1">
      <c r="A349" s="521" t="s">
        <v>454</v>
      </c>
      <c r="B349" s="521"/>
      <c r="C349" s="521"/>
      <c r="D349" s="521"/>
      <c r="E349" s="347" t="s">
        <v>453</v>
      </c>
      <c r="F349" s="347"/>
      <c r="G349" s="347"/>
      <c r="H349" s="347"/>
      <c r="I349" s="347"/>
      <c r="J349" s="347"/>
      <c r="K349" s="347"/>
      <c r="L349" s="347"/>
      <c r="M349" s="347"/>
      <c r="N349" s="347"/>
      <c r="O349" s="347"/>
      <c r="P349" s="347"/>
      <c r="Q349" s="347"/>
      <c r="R349" s="347"/>
      <c r="S349" s="347"/>
      <c r="T349" s="347"/>
      <c r="U349" s="347"/>
      <c r="V349" s="347"/>
      <c r="W349" s="347"/>
      <c r="X349" s="347"/>
      <c r="Y349" s="347"/>
      <c r="Z349" s="347"/>
      <c r="AA349" s="347"/>
      <c r="AB349" s="347"/>
      <c r="AC349" s="347"/>
      <c r="AD349" s="347"/>
      <c r="AE349" s="347"/>
      <c r="AF349" s="347"/>
      <c r="AG349" s="347"/>
      <c r="AH349" s="347"/>
      <c r="AI349" s="347"/>
      <c r="AJ349" s="347"/>
      <c r="AK349" s="347"/>
      <c r="AL349" s="347"/>
      <c r="AM349" s="347"/>
      <c r="AN349" s="347"/>
      <c r="AO349" s="347"/>
      <c r="AP349" s="347"/>
      <c r="AQ349" s="347"/>
      <c r="AR349" s="347"/>
      <c r="AS349" s="347"/>
      <c r="AT349" s="347"/>
      <c r="AU349" s="347"/>
      <c r="AV349" s="347"/>
      <c r="AW349" s="347"/>
      <c r="AX349" s="347"/>
      <c r="AY349" s="347"/>
      <c r="AZ349" s="347"/>
      <c r="BA349" s="347"/>
      <c r="BB349" s="347"/>
      <c r="BC349" s="347"/>
      <c r="BD349" s="347"/>
      <c r="BE349" s="347"/>
      <c r="BF349" s="347"/>
      <c r="BG349" s="347"/>
      <c r="BH349" s="347"/>
      <c r="BI349" s="347"/>
      <c r="BJ349" s="347"/>
      <c r="BK349" s="347"/>
      <c r="BL349" s="347"/>
      <c r="BM349" s="347"/>
      <c r="BN349" s="347"/>
    </row>
    <row r="350" spans="1:71" ht="34.5" customHeight="1">
      <c r="A350" s="521" t="s">
        <v>498</v>
      </c>
      <c r="B350" s="521"/>
      <c r="C350" s="521"/>
      <c r="D350" s="521"/>
      <c r="E350" s="347" t="s">
        <v>497</v>
      </c>
      <c r="F350" s="347"/>
      <c r="G350" s="347"/>
      <c r="H350" s="347"/>
      <c r="I350" s="347"/>
      <c r="J350" s="347"/>
      <c r="K350" s="347"/>
      <c r="L350" s="347"/>
      <c r="M350" s="347"/>
      <c r="N350" s="347"/>
      <c r="O350" s="347"/>
      <c r="P350" s="347"/>
      <c r="Q350" s="347"/>
      <c r="R350" s="347"/>
      <c r="S350" s="347"/>
      <c r="T350" s="347"/>
      <c r="U350" s="347"/>
      <c r="V350" s="347"/>
      <c r="W350" s="347"/>
      <c r="X350" s="347"/>
      <c r="Y350" s="347"/>
      <c r="Z350" s="347"/>
      <c r="AA350" s="347"/>
      <c r="AB350" s="347"/>
      <c r="AC350" s="347"/>
      <c r="AD350" s="347"/>
      <c r="AE350" s="347"/>
      <c r="AF350" s="347"/>
      <c r="AG350" s="347"/>
      <c r="AH350" s="347"/>
      <c r="AI350" s="347"/>
      <c r="AJ350" s="347"/>
      <c r="AK350" s="347"/>
      <c r="AL350" s="347"/>
      <c r="AM350" s="347"/>
      <c r="AN350" s="347"/>
      <c r="AO350" s="347"/>
      <c r="AP350" s="347"/>
      <c r="AQ350" s="347"/>
      <c r="AR350" s="347"/>
      <c r="AS350" s="347"/>
      <c r="AT350" s="347"/>
      <c r="AU350" s="347"/>
      <c r="AV350" s="347"/>
      <c r="AW350" s="347"/>
      <c r="AX350" s="347"/>
      <c r="AY350" s="347"/>
      <c r="AZ350" s="347"/>
      <c r="BA350" s="347"/>
      <c r="BB350" s="347"/>
      <c r="BC350" s="347"/>
      <c r="BD350" s="347"/>
      <c r="BE350" s="347"/>
      <c r="BF350" s="347"/>
      <c r="BG350" s="347"/>
      <c r="BH350" s="347"/>
      <c r="BI350" s="347"/>
      <c r="BJ350" s="347"/>
      <c r="BK350" s="347"/>
      <c r="BL350" s="347"/>
      <c r="BM350" s="347"/>
      <c r="BN350" s="347"/>
    </row>
    <row r="351" spans="1:71" ht="20.100000000000001" customHeight="1">
      <c r="BL351" s="260"/>
      <c r="BM351" s="260"/>
      <c r="BN351" s="260"/>
      <c r="BO351" s="260"/>
      <c r="BP351" s="260"/>
      <c r="BQ351" s="260"/>
      <c r="BR351" s="260"/>
      <c r="BS351" s="260"/>
    </row>
    <row r="352" spans="1:71" ht="20.100000000000001" customHeight="1">
      <c r="V352" s="188"/>
      <c r="W352" s="188"/>
      <c r="X352" s="188"/>
      <c r="BL352" s="260"/>
      <c r="BM352" s="260"/>
      <c r="BN352" s="260"/>
      <c r="BO352" s="260"/>
      <c r="BP352" s="260"/>
      <c r="BQ352" s="260"/>
      <c r="BR352" s="260"/>
      <c r="BS352" s="260"/>
    </row>
    <row r="353" spans="5:76" ht="20.100000000000001" customHeight="1">
      <c r="BL353" s="260"/>
      <c r="BM353" s="260"/>
      <c r="BN353" s="260"/>
      <c r="BO353" s="260"/>
      <c r="BP353" s="260"/>
      <c r="BQ353" s="260"/>
      <c r="BR353" s="260"/>
      <c r="BS353" s="260"/>
      <c r="BT353" s="260"/>
      <c r="BU353" s="260"/>
      <c r="BV353" s="260"/>
      <c r="BW353" s="260"/>
    </row>
    <row r="354" spans="5:76" ht="20.100000000000001" customHeight="1">
      <c r="BL354" s="260"/>
      <c r="BM354" s="260"/>
      <c r="BN354" s="260"/>
      <c r="BO354" s="260"/>
      <c r="BP354" s="260"/>
      <c r="BQ354" s="260"/>
      <c r="BR354" s="260"/>
      <c r="BS354" s="260"/>
      <c r="BT354" s="260"/>
      <c r="BU354" s="260"/>
      <c r="BV354" s="260"/>
      <c r="BW354" s="260"/>
    </row>
    <row r="355" spans="5:76" ht="20.100000000000001" customHeight="1">
      <c r="BL355" s="260"/>
      <c r="BM355" s="260"/>
      <c r="BN355" s="260"/>
      <c r="BO355" s="260"/>
      <c r="BP355" s="260"/>
      <c r="BQ355" s="260"/>
      <c r="BR355" s="260"/>
      <c r="BS355" s="260"/>
      <c r="BT355" s="260"/>
      <c r="BU355" s="260"/>
      <c r="BV355" s="260"/>
      <c r="BW355" s="260"/>
    </row>
    <row r="356" spans="5:76" ht="20.100000000000001" customHeight="1"/>
    <row r="357" spans="5:76" ht="20.100000000000001" customHeight="1"/>
    <row r="358" spans="5:76" ht="20.100000000000001" customHeight="1"/>
    <row r="359" spans="5:76" ht="20.100000000000001" customHeight="1"/>
    <row r="360" spans="5:76" ht="20.100000000000001" customHeight="1"/>
    <row r="361" spans="5:76" ht="20.100000000000001" customHeight="1"/>
    <row r="362" spans="5:76" ht="20.100000000000001" customHeight="1"/>
    <row r="363" spans="5:76" ht="20.100000000000001" customHeight="1">
      <c r="BC363" s="188"/>
      <c r="BD363" s="188"/>
      <c r="BE363" s="188"/>
      <c r="BF363" s="188"/>
      <c r="BG363" s="188"/>
      <c r="BH363" s="188"/>
      <c r="BI363" s="188"/>
      <c r="BJ363" s="188"/>
      <c r="BK363" s="188"/>
      <c r="BL363" s="188"/>
      <c r="BM363" s="188"/>
      <c r="BN363" s="188"/>
      <c r="BO363" s="188"/>
      <c r="BP363" s="188"/>
      <c r="BQ363" s="188"/>
      <c r="BR363" s="188"/>
      <c r="BS363" s="188"/>
      <c r="BT363" s="188"/>
      <c r="BU363" s="188"/>
      <c r="BV363" s="188"/>
      <c r="BW363" s="188"/>
      <c r="BX363" s="188"/>
    </row>
    <row r="364" spans="5:76" ht="20.100000000000001" customHeight="1">
      <c r="G364" s="188"/>
    </row>
    <row r="365" spans="5:76" ht="20.100000000000001" customHeight="1">
      <c r="F365" s="239"/>
      <c r="G365" s="239"/>
      <c r="H365" s="239"/>
      <c r="I365" s="239"/>
      <c r="J365" s="239"/>
      <c r="K365" s="239"/>
      <c r="L365" s="239"/>
      <c r="M365" s="239"/>
      <c r="N365" s="239"/>
      <c r="O365" s="239"/>
      <c r="P365" s="239"/>
      <c r="Q365" s="239"/>
      <c r="S365" s="239"/>
      <c r="T365" s="239"/>
      <c r="U365" s="239"/>
      <c r="V365" s="239"/>
      <c r="W365" s="239"/>
      <c r="X365" s="239"/>
      <c r="Y365" s="239"/>
      <c r="Z365" s="239"/>
      <c r="AA365" s="239"/>
      <c r="AB365" s="239"/>
      <c r="AC365" s="239"/>
      <c r="AD365" s="239"/>
      <c r="AE365" s="239"/>
      <c r="AF365" s="239"/>
      <c r="AG365" s="239"/>
      <c r="AH365" s="239"/>
      <c r="AI365" s="239"/>
      <c r="AK365" s="239"/>
      <c r="AL365" s="239"/>
      <c r="AM365" s="239"/>
      <c r="AN365" s="239"/>
      <c r="AO365" s="239"/>
      <c r="AP365" s="239"/>
    </row>
    <row r="366" spans="5:76" ht="20.100000000000001" customHeight="1"/>
    <row r="367" spans="5:76" ht="20.100000000000001" customHeight="1">
      <c r="E367" s="188"/>
    </row>
    <row r="368" spans="5:76" ht="20.100000000000001" customHeight="1">
      <c r="F368" s="239"/>
      <c r="G368" s="239"/>
      <c r="H368" s="239"/>
      <c r="I368" s="239"/>
      <c r="J368" s="239"/>
      <c r="K368" s="239"/>
      <c r="L368" s="239"/>
      <c r="M368" s="239"/>
      <c r="N368" s="239"/>
      <c r="O368" s="239"/>
      <c r="P368" s="239"/>
      <c r="Q368" s="239"/>
      <c r="S368" s="239"/>
      <c r="T368" s="239"/>
      <c r="U368" s="239"/>
      <c r="V368" s="239"/>
      <c r="W368" s="239"/>
      <c r="X368" s="239"/>
      <c r="Y368" s="239"/>
      <c r="Z368" s="239"/>
      <c r="AA368" s="239"/>
      <c r="AB368" s="239"/>
      <c r="AC368" s="239"/>
      <c r="AD368" s="239"/>
      <c r="AE368" s="239"/>
      <c r="AF368" s="239"/>
      <c r="AG368" s="239"/>
      <c r="AH368" s="239"/>
      <c r="AI368" s="239"/>
      <c r="AK368" s="239"/>
      <c r="AL368" s="239"/>
      <c r="AM368" s="239"/>
      <c r="AN368" s="239"/>
      <c r="AO368" s="239"/>
      <c r="AP368" s="239"/>
    </row>
    <row r="369" spans="5:75" ht="20.100000000000001" customHeight="1">
      <c r="F369" s="239"/>
      <c r="G369" s="239"/>
      <c r="H369" s="239"/>
      <c r="I369" s="239"/>
      <c r="J369" s="239"/>
      <c r="K369" s="239"/>
      <c r="L369" s="239"/>
      <c r="M369" s="239"/>
      <c r="N369" s="239"/>
      <c r="O369" s="239"/>
      <c r="P369" s="239"/>
      <c r="Q369" s="239"/>
      <c r="S369" s="239"/>
      <c r="T369" s="239"/>
      <c r="U369" s="239"/>
      <c r="V369" s="239"/>
      <c r="W369" s="239"/>
      <c r="X369" s="239"/>
      <c r="Y369" s="239"/>
      <c r="Z369" s="239"/>
      <c r="AA369" s="239"/>
      <c r="AB369" s="239"/>
      <c r="AC369" s="239"/>
      <c r="AD369" s="239"/>
      <c r="AE369" s="239"/>
      <c r="AF369" s="239"/>
      <c r="AG369" s="239"/>
      <c r="AH369" s="239"/>
      <c r="AI369" s="239"/>
      <c r="AK369" s="239"/>
      <c r="AL369" s="239"/>
      <c r="AM369" s="239"/>
      <c r="AN369" s="239"/>
      <c r="AO369" s="239"/>
      <c r="AP369" s="239"/>
    </row>
    <row r="370" spans="5:75" ht="20.100000000000001" customHeight="1"/>
    <row r="371" spans="5:75" ht="20.100000000000001" customHeight="1">
      <c r="E371" s="188"/>
    </row>
    <row r="372" spans="5:75" ht="20.100000000000001" customHeight="1">
      <c r="AZ372" s="239"/>
    </row>
    <row r="373" spans="5:75" ht="20.100000000000001" customHeight="1">
      <c r="AT373" s="235"/>
      <c r="AU373" s="235"/>
      <c r="AV373" s="235"/>
      <c r="AW373" s="235"/>
      <c r="AX373" s="235"/>
      <c r="AY373" s="235"/>
      <c r="BA373" s="235"/>
      <c r="BB373" s="235"/>
      <c r="BC373" s="235"/>
      <c r="BD373" s="235"/>
      <c r="BL373" s="26"/>
      <c r="BM373" s="26"/>
      <c r="BN373" s="26"/>
      <c r="BO373" s="26"/>
      <c r="BP373" s="26"/>
      <c r="BQ373" s="26"/>
      <c r="BR373" s="26"/>
      <c r="BS373" s="26"/>
      <c r="BT373" s="26"/>
      <c r="BU373" s="26"/>
      <c r="BV373" s="26"/>
      <c r="BW373" s="26"/>
    </row>
    <row r="374" spans="5:75" ht="20.100000000000001" customHeight="1"/>
    <row r="375" spans="5:75" ht="20.100000000000001" customHeight="1"/>
  </sheetData>
  <mergeCells count="978">
    <mergeCell ref="A350:D350"/>
    <mergeCell ref="E350:BN350"/>
    <mergeCell ref="A349:D349"/>
    <mergeCell ref="E349:BN349"/>
    <mergeCell ref="Y106:AB106"/>
    <mergeCell ref="AC181:BG181"/>
    <mergeCell ref="BH181:BJ181"/>
    <mergeCell ref="BK181:BN181"/>
    <mergeCell ref="A348:D348"/>
    <mergeCell ref="E348:BN348"/>
    <mergeCell ref="A345:D345"/>
    <mergeCell ref="E345:BN345"/>
    <mergeCell ref="A347:D347"/>
    <mergeCell ref="E347:BN347"/>
    <mergeCell ref="E334:BN334"/>
    <mergeCell ref="A335:D335"/>
    <mergeCell ref="E335:BN335"/>
    <mergeCell ref="A336:D336"/>
    <mergeCell ref="E336:BN336"/>
    <mergeCell ref="A330:D330"/>
    <mergeCell ref="E330:BN330"/>
    <mergeCell ref="A331:D331"/>
    <mergeCell ref="A334:D334"/>
    <mergeCell ref="E333:BN333"/>
    <mergeCell ref="D54:J54"/>
    <mergeCell ref="K54:P54"/>
    <mergeCell ref="Q54:V54"/>
    <mergeCell ref="W54:AB54"/>
    <mergeCell ref="AY94:BE94"/>
    <mergeCell ref="AZ95:BD95"/>
    <mergeCell ref="J97:N97"/>
    <mergeCell ref="S97:V97"/>
    <mergeCell ref="AA97:AD97"/>
    <mergeCell ref="AI97:AL97"/>
    <mergeCell ref="AQ97:AT97"/>
    <mergeCell ref="AY97:BB97"/>
    <mergeCell ref="AU88:AY89"/>
    <mergeCell ref="AZ88:BD89"/>
    <mergeCell ref="BE88:BI89"/>
    <mergeCell ref="E89:F89"/>
    <mergeCell ref="H89:I89"/>
    <mergeCell ref="P89:Q89"/>
    <mergeCell ref="D55:J56"/>
    <mergeCell ref="D57:F57"/>
    <mergeCell ref="G57:J57"/>
    <mergeCell ref="G58:J58"/>
    <mergeCell ref="S89:T89"/>
    <mergeCell ref="K56:P56"/>
    <mergeCell ref="Q56:V56"/>
    <mergeCell ref="W56:AB56"/>
    <mergeCell ref="AC56:AH56"/>
    <mergeCell ref="AI56:AN56"/>
    <mergeCell ref="A332:D332"/>
    <mergeCell ref="E332:BN332"/>
    <mergeCell ref="A318:D318"/>
    <mergeCell ref="E318:BN318"/>
    <mergeCell ref="G320:BN320"/>
    <mergeCell ref="BG97:BJ97"/>
    <mergeCell ref="S98:V98"/>
    <mergeCell ref="AA98:AD98"/>
    <mergeCell ref="AI98:AL98"/>
    <mergeCell ref="AQ98:AT98"/>
    <mergeCell ref="BJ88:BN89"/>
    <mergeCell ref="E266:F266"/>
    <mergeCell ref="G266:S266"/>
    <mergeCell ref="S99:V99"/>
    <mergeCell ref="W58:AB58"/>
    <mergeCell ref="AC58:AH58"/>
    <mergeCell ref="AI58:AN58"/>
    <mergeCell ref="E331:BN331"/>
    <mergeCell ref="D88:U88"/>
    <mergeCell ref="Q58:V58"/>
    <mergeCell ref="AD297:AY298"/>
    <mergeCell ref="AZ297:BB298"/>
    <mergeCell ref="E113:F113"/>
    <mergeCell ref="BC113:BF113"/>
    <mergeCell ref="J114:BG116"/>
    <mergeCell ref="O293:Z294"/>
    <mergeCell ref="AA293:AC294"/>
    <mergeCell ref="AD293:AY294"/>
    <mergeCell ref="AZ293:BB294"/>
    <mergeCell ref="A344:D344"/>
    <mergeCell ref="E344:BN344"/>
    <mergeCell ref="A341:D341"/>
    <mergeCell ref="E341:BN341"/>
    <mergeCell ref="A342:D342"/>
    <mergeCell ref="E342:BN342"/>
    <mergeCell ref="A343:D343"/>
    <mergeCell ref="E343:BN343"/>
    <mergeCell ref="A337:D337"/>
    <mergeCell ref="A338:D338"/>
    <mergeCell ref="E338:BN338"/>
    <mergeCell ref="A339:D339"/>
    <mergeCell ref="A340:D340"/>
    <mergeCell ref="E340:BN340"/>
    <mergeCell ref="K58:P58"/>
    <mergeCell ref="BC297:BJ297"/>
    <mergeCell ref="BC298:BJ298"/>
    <mergeCell ref="G322:BN322"/>
    <mergeCell ref="G324:BJ324"/>
    <mergeCell ref="A329:D329"/>
    <mergeCell ref="A313:D313"/>
    <mergeCell ref="A314:D314"/>
    <mergeCell ref="A315:D315"/>
    <mergeCell ref="E315:BN315"/>
    <mergeCell ref="A316:D316"/>
    <mergeCell ref="E316:BN316"/>
    <mergeCell ref="A311:D311"/>
    <mergeCell ref="A309:BN309"/>
    <mergeCell ref="A312:D312"/>
    <mergeCell ref="E312:BN312"/>
    <mergeCell ref="D297:N298"/>
    <mergeCell ref="O297:Z298"/>
    <mergeCell ref="AA297:AC298"/>
    <mergeCell ref="D299:BL300"/>
    <mergeCell ref="AZ295:BB296"/>
    <mergeCell ref="BC295:BJ295"/>
    <mergeCell ref="BC296:BJ296"/>
    <mergeCell ref="D293:N294"/>
    <mergeCell ref="BC293:BJ293"/>
    <mergeCell ref="BC294:BJ294"/>
    <mergeCell ref="D295:N296"/>
    <mergeCell ref="O295:Z296"/>
    <mergeCell ref="AA295:AC296"/>
    <mergeCell ref="AD295:AY296"/>
    <mergeCell ref="D291:N292"/>
    <mergeCell ref="O291:Z292"/>
    <mergeCell ref="AA291:AC292"/>
    <mergeCell ref="AD291:AY292"/>
    <mergeCell ref="AZ291:BB292"/>
    <mergeCell ref="BC291:BJ291"/>
    <mergeCell ref="BC292:BJ292"/>
    <mergeCell ref="D289:N290"/>
    <mergeCell ref="O289:Z290"/>
    <mergeCell ref="AA289:AC290"/>
    <mergeCell ref="AD289:AY290"/>
    <mergeCell ref="AZ289:BB290"/>
    <mergeCell ref="BC289:BJ289"/>
    <mergeCell ref="BC290:BJ290"/>
    <mergeCell ref="D287:N288"/>
    <mergeCell ref="O287:Z288"/>
    <mergeCell ref="AA287:AC288"/>
    <mergeCell ref="AD287:AY288"/>
    <mergeCell ref="AZ287:BB288"/>
    <mergeCell ref="BC287:BJ287"/>
    <mergeCell ref="BC288:BJ288"/>
    <mergeCell ref="D285:N286"/>
    <mergeCell ref="O285:Z286"/>
    <mergeCell ref="AA285:AC286"/>
    <mergeCell ref="AD285:AY286"/>
    <mergeCell ref="AZ285:BB286"/>
    <mergeCell ref="BC285:BJ285"/>
    <mergeCell ref="BC286:BJ286"/>
    <mergeCell ref="D283:N284"/>
    <mergeCell ref="O283:Z284"/>
    <mergeCell ref="AA283:AC284"/>
    <mergeCell ref="AD283:AY284"/>
    <mergeCell ref="AZ283:BB284"/>
    <mergeCell ref="BC283:BJ283"/>
    <mergeCell ref="BC284:BJ284"/>
    <mergeCell ref="D281:N282"/>
    <mergeCell ref="O281:Z282"/>
    <mergeCell ref="AA281:AC282"/>
    <mergeCell ref="AD281:AY282"/>
    <mergeCell ref="AZ281:BB282"/>
    <mergeCell ref="BC281:BJ281"/>
    <mergeCell ref="BC282:BJ282"/>
    <mergeCell ref="D279:N280"/>
    <mergeCell ref="O279:Z280"/>
    <mergeCell ref="AA279:AC280"/>
    <mergeCell ref="AD279:AY280"/>
    <mergeCell ref="AZ279:BB280"/>
    <mergeCell ref="BC279:BJ279"/>
    <mergeCell ref="BC280:BJ280"/>
    <mergeCell ref="BC275:BJ276"/>
    <mergeCell ref="D277:N278"/>
    <mergeCell ref="O277:Z278"/>
    <mergeCell ref="AA277:AC278"/>
    <mergeCell ref="AD277:AY278"/>
    <mergeCell ref="AZ277:BB278"/>
    <mergeCell ref="BC277:BJ277"/>
    <mergeCell ref="BC278:BJ278"/>
    <mergeCell ref="E265:F265"/>
    <mergeCell ref="G265:S265"/>
    <mergeCell ref="T265:BN265"/>
    <mergeCell ref="D274:BJ274"/>
    <mergeCell ref="D275:N276"/>
    <mergeCell ref="O275:Z276"/>
    <mergeCell ref="AA275:AC276"/>
    <mergeCell ref="AD275:AY276"/>
    <mergeCell ref="AZ275:BB276"/>
    <mergeCell ref="D267:D270"/>
    <mergeCell ref="E267:F270"/>
    <mergeCell ref="G267:S270"/>
    <mergeCell ref="U267:U270"/>
    <mergeCell ref="X267:X270"/>
    <mergeCell ref="AA267:AA270"/>
    <mergeCell ref="AT263:AV263"/>
    <mergeCell ref="BE263:BG263"/>
    <mergeCell ref="BA259:BG259"/>
    <mergeCell ref="BH259:BN259"/>
    <mergeCell ref="E260:F260"/>
    <mergeCell ref="BL260:BN260"/>
    <mergeCell ref="E261:F262"/>
    <mergeCell ref="G261:S262"/>
    <mergeCell ref="AJ261:AL261"/>
    <mergeCell ref="AM261:AO261"/>
    <mergeCell ref="BI261:BK261"/>
    <mergeCell ref="BL261:BN261"/>
    <mergeCell ref="E257:F258"/>
    <mergeCell ref="G257:S258"/>
    <mergeCell ref="BA257:BG257"/>
    <mergeCell ref="BH257:BN257"/>
    <mergeCell ref="BA258:BG258"/>
    <mergeCell ref="BH258:BN258"/>
    <mergeCell ref="AJ262:AL262"/>
    <mergeCell ref="AM262:AO262"/>
    <mergeCell ref="BI262:BK262"/>
    <mergeCell ref="BL262:BN262"/>
    <mergeCell ref="BH246:BN246"/>
    <mergeCell ref="E247:F247"/>
    <mergeCell ref="U247:Z247"/>
    <mergeCell ref="AF247:AK247"/>
    <mergeCell ref="E248:F256"/>
    <mergeCell ref="J248:BM249"/>
    <mergeCell ref="J250:BM250"/>
    <mergeCell ref="U251:Z251"/>
    <mergeCell ref="AF251:AK251"/>
    <mergeCell ref="J252:BM253"/>
    <mergeCell ref="E244:F246"/>
    <mergeCell ref="G244:S246"/>
    <mergeCell ref="U244:AU244"/>
    <mergeCell ref="BA244:BG244"/>
    <mergeCell ref="BH244:BN244"/>
    <mergeCell ref="U245:AU245"/>
    <mergeCell ref="BA245:BG245"/>
    <mergeCell ref="BH245:BN245"/>
    <mergeCell ref="U246:AU246"/>
    <mergeCell ref="BA246:BG246"/>
    <mergeCell ref="U254:Z254"/>
    <mergeCell ref="AF254:AK254"/>
    <mergeCell ref="J255:BM256"/>
    <mergeCell ref="E238:F238"/>
    <mergeCell ref="G238:S238"/>
    <mergeCell ref="BI238:BN238"/>
    <mergeCell ref="E241:F241"/>
    <mergeCell ref="G241:S241"/>
    <mergeCell ref="E242:F243"/>
    <mergeCell ref="G242:S243"/>
    <mergeCell ref="E235:F235"/>
    <mergeCell ref="G235:S235"/>
    <mergeCell ref="E236:F237"/>
    <mergeCell ref="G236:M237"/>
    <mergeCell ref="N236:S236"/>
    <mergeCell ref="BI236:BN236"/>
    <mergeCell ref="N237:S237"/>
    <mergeCell ref="BI237:BN237"/>
    <mergeCell ref="E232:F232"/>
    <mergeCell ref="G232:S232"/>
    <mergeCell ref="BI232:BN232"/>
    <mergeCell ref="E233:F234"/>
    <mergeCell ref="G233:M234"/>
    <mergeCell ref="N233:S233"/>
    <mergeCell ref="BI233:BN233"/>
    <mergeCell ref="N234:S234"/>
    <mergeCell ref="BI234:BN234"/>
    <mergeCell ref="BL228:BN228"/>
    <mergeCell ref="G229:S229"/>
    <mergeCell ref="E230:F230"/>
    <mergeCell ref="G230:S230"/>
    <mergeCell ref="BL230:BN230"/>
    <mergeCell ref="E231:F231"/>
    <mergeCell ref="G231:S231"/>
    <mergeCell ref="BL231:BN231"/>
    <mergeCell ref="E223:F229"/>
    <mergeCell ref="G223:O225"/>
    <mergeCell ref="P223:S223"/>
    <mergeCell ref="U223:BB223"/>
    <mergeCell ref="P224:S224"/>
    <mergeCell ref="U224:BB224"/>
    <mergeCell ref="P225:S225"/>
    <mergeCell ref="U225:BB225"/>
    <mergeCell ref="G226:S227"/>
    <mergeCell ref="G228:S228"/>
    <mergeCell ref="T221:AJ221"/>
    <mergeCell ref="AK221:AW221"/>
    <mergeCell ref="AX221:BN221"/>
    <mergeCell ref="G222:S222"/>
    <mergeCell ref="T222:AJ222"/>
    <mergeCell ref="AK222:AW222"/>
    <mergeCell ref="AX222:BN222"/>
    <mergeCell ref="E219:F222"/>
    <mergeCell ref="G219:S219"/>
    <mergeCell ref="T219:AJ219"/>
    <mergeCell ref="AK219:AW219"/>
    <mergeCell ref="AX219:BN219"/>
    <mergeCell ref="G220:S220"/>
    <mergeCell ref="T220:AJ220"/>
    <mergeCell ref="AK220:AW220"/>
    <mergeCell ref="AX220:BN220"/>
    <mergeCell ref="G221:S221"/>
    <mergeCell ref="BH216:BN216"/>
    <mergeCell ref="U217:AK217"/>
    <mergeCell ref="BA217:BG217"/>
    <mergeCell ref="BH217:BN217"/>
    <mergeCell ref="E218:F218"/>
    <mergeCell ref="G218:S218"/>
    <mergeCell ref="U218:Z218"/>
    <mergeCell ref="AF218:AK218"/>
    <mergeCell ref="E214:F217"/>
    <mergeCell ref="G214:S217"/>
    <mergeCell ref="U214:AK214"/>
    <mergeCell ref="BA214:BG214"/>
    <mergeCell ref="BH214:BN214"/>
    <mergeCell ref="U215:AK215"/>
    <mergeCell ref="BA215:BG215"/>
    <mergeCell ref="BH215:BN215"/>
    <mergeCell ref="U216:AK216"/>
    <mergeCell ref="BA216:BG216"/>
    <mergeCell ref="E210:F210"/>
    <mergeCell ref="BI210:BN210"/>
    <mergeCell ref="E211:F213"/>
    <mergeCell ref="G211:S213"/>
    <mergeCell ref="BL211:BN211"/>
    <mergeCell ref="BI212:BK212"/>
    <mergeCell ref="BL212:BN212"/>
    <mergeCell ref="U213:BG213"/>
    <mergeCell ref="BI213:BK213"/>
    <mergeCell ref="BL213:BN213"/>
    <mergeCell ref="BL205:BN207"/>
    <mergeCell ref="AE206:AF206"/>
    <mergeCell ref="AI206:AJ206"/>
    <mergeCell ref="AM206:AY206"/>
    <mergeCell ref="BF206:BG206"/>
    <mergeCell ref="AE207:AF207"/>
    <mergeCell ref="AI207:AJ207"/>
    <mergeCell ref="BF207:BG207"/>
    <mergeCell ref="E200:F200"/>
    <mergeCell ref="BI200:BN200"/>
    <mergeCell ref="E203:F204"/>
    <mergeCell ref="G203:R204"/>
    <mergeCell ref="E205:F207"/>
    <mergeCell ref="G205:S207"/>
    <mergeCell ref="AE205:AF205"/>
    <mergeCell ref="AI205:AJ205"/>
    <mergeCell ref="AM205:AY205"/>
    <mergeCell ref="BF205:BG205"/>
    <mergeCell ref="E197:F197"/>
    <mergeCell ref="BL197:BN197"/>
    <mergeCell ref="E198:F199"/>
    <mergeCell ref="G198:R199"/>
    <mergeCell ref="U198:AZ199"/>
    <mergeCell ref="BL198:BN198"/>
    <mergeCell ref="BL199:BN199"/>
    <mergeCell ref="U195:AV195"/>
    <mergeCell ref="BH195:BJ195"/>
    <mergeCell ref="BK195:BN195"/>
    <mergeCell ref="U196:AV196"/>
    <mergeCell ref="BH196:BJ196"/>
    <mergeCell ref="BK196:BN196"/>
    <mergeCell ref="BK190:BN190"/>
    <mergeCell ref="BK191:BN191"/>
    <mergeCell ref="BK192:BN192"/>
    <mergeCell ref="BK193:BN193"/>
    <mergeCell ref="U194:AV194"/>
    <mergeCell ref="BH194:BJ194"/>
    <mergeCell ref="BK194:BN194"/>
    <mergeCell ref="AJ186:AK186"/>
    <mergeCell ref="BK186:BN186"/>
    <mergeCell ref="AG188:BF189"/>
    <mergeCell ref="BH188:BJ188"/>
    <mergeCell ref="BK188:BN188"/>
    <mergeCell ref="BK189:BN189"/>
    <mergeCell ref="AJ183:AK183"/>
    <mergeCell ref="BK183:BN183"/>
    <mergeCell ref="AC184:AH184"/>
    <mergeCell ref="AJ184:AK184"/>
    <mergeCell ref="BK184:BN184"/>
    <mergeCell ref="AJ185:AK185"/>
    <mergeCell ref="BK185:BN185"/>
    <mergeCell ref="AC179:BF180"/>
    <mergeCell ref="BH179:BJ179"/>
    <mergeCell ref="BK179:BN179"/>
    <mergeCell ref="BK180:BN180"/>
    <mergeCell ref="AC182:AH182"/>
    <mergeCell ref="AJ182:AK182"/>
    <mergeCell ref="BK182:BN182"/>
    <mergeCell ref="E177:F178"/>
    <mergeCell ref="G177:S178"/>
    <mergeCell ref="BH177:BJ177"/>
    <mergeCell ref="BK177:BN177"/>
    <mergeCell ref="BH178:BJ178"/>
    <mergeCell ref="BK178:BN178"/>
    <mergeCell ref="AJ173:AK173"/>
    <mergeCell ref="BK173:BN173"/>
    <mergeCell ref="AJ174:AK174"/>
    <mergeCell ref="BK174:BN174"/>
    <mergeCell ref="AJ175:AK175"/>
    <mergeCell ref="BK175:BN175"/>
    <mergeCell ref="AC170:AH170"/>
    <mergeCell ref="AJ170:AK170"/>
    <mergeCell ref="BK170:BN170"/>
    <mergeCell ref="AJ171:AK171"/>
    <mergeCell ref="BK171:BN171"/>
    <mergeCell ref="AC172:AH172"/>
    <mergeCell ref="AJ172:AK172"/>
    <mergeCell ref="BK172:BN172"/>
    <mergeCell ref="BH167:BJ167"/>
    <mergeCell ref="BK167:BN167"/>
    <mergeCell ref="AC168:BF169"/>
    <mergeCell ref="BH168:BJ168"/>
    <mergeCell ref="BK168:BN168"/>
    <mergeCell ref="BK169:BN169"/>
    <mergeCell ref="E164:F164"/>
    <mergeCell ref="BL164:BN164"/>
    <mergeCell ref="E165:F165"/>
    <mergeCell ref="BI165:BN165"/>
    <mergeCell ref="E166:F166"/>
    <mergeCell ref="BH166:BJ166"/>
    <mergeCell ref="BK166:BN166"/>
    <mergeCell ref="E161:F161"/>
    <mergeCell ref="E162:F162"/>
    <mergeCell ref="BL162:BN162"/>
    <mergeCell ref="E163:F163"/>
    <mergeCell ref="T163:V163"/>
    <mergeCell ref="W163:Y163"/>
    <mergeCell ref="BL163:BN163"/>
    <mergeCell ref="BL155:BN156"/>
    <mergeCell ref="H157:S157"/>
    <mergeCell ref="H158:S158"/>
    <mergeCell ref="E159:F159"/>
    <mergeCell ref="BL159:BN159"/>
    <mergeCell ref="E160:F160"/>
    <mergeCell ref="AG153:AI153"/>
    <mergeCell ref="AP153:AR153"/>
    <mergeCell ref="H154:S154"/>
    <mergeCell ref="AE154:AG154"/>
    <mergeCell ref="AK154:BG154"/>
    <mergeCell ref="H155:S156"/>
    <mergeCell ref="BA155:BF156"/>
    <mergeCell ref="BG155:BK156"/>
    <mergeCell ref="AD152:AI152"/>
    <mergeCell ref="AM152:AR152"/>
    <mergeCell ref="AV152:BA152"/>
    <mergeCell ref="BG152:BL152"/>
    <mergeCell ref="AL150:AT150"/>
    <mergeCell ref="AU150:BC150"/>
    <mergeCell ref="BD150:BN150"/>
    <mergeCell ref="M151:S151"/>
    <mergeCell ref="U151:Z151"/>
    <mergeCell ref="AD151:AI151"/>
    <mergeCell ref="AM151:AR151"/>
    <mergeCell ref="O142:V142"/>
    <mergeCell ref="W142:BN142"/>
    <mergeCell ref="O143:V143"/>
    <mergeCell ref="W143:BN143"/>
    <mergeCell ref="D144:G158"/>
    <mergeCell ref="H144:S145"/>
    <mergeCell ref="K146:S147"/>
    <mergeCell ref="T146:AB147"/>
    <mergeCell ref="AC146:AK146"/>
    <mergeCell ref="BD146:BN149"/>
    <mergeCell ref="M149:S149"/>
    <mergeCell ref="W149:Z149"/>
    <mergeCell ref="AF149:AI149"/>
    <mergeCell ref="K150:S150"/>
    <mergeCell ref="T150:AB150"/>
    <mergeCell ref="AC150:AK150"/>
    <mergeCell ref="AC147:AK147"/>
    <mergeCell ref="AL147:AT147"/>
    <mergeCell ref="AU147:BC147"/>
    <mergeCell ref="M148:S148"/>
    <mergeCell ref="W148:Z148"/>
    <mergeCell ref="AF148:AI148"/>
    <mergeCell ref="M152:S152"/>
    <mergeCell ref="U152:Z152"/>
    <mergeCell ref="E140:F141"/>
    <mergeCell ref="H140:N141"/>
    <mergeCell ref="O140:V140"/>
    <mergeCell ref="W140:BN140"/>
    <mergeCell ref="O141:V141"/>
    <mergeCell ref="W141:BN141"/>
    <mergeCell ref="D137:G139"/>
    <mergeCell ref="H137:N137"/>
    <mergeCell ref="O137:V137"/>
    <mergeCell ref="W137:BN137"/>
    <mergeCell ref="H138:N138"/>
    <mergeCell ref="O138:V138"/>
    <mergeCell ref="AZ111:BB111"/>
    <mergeCell ref="F107:BJ108"/>
    <mergeCell ref="E110:F110"/>
    <mergeCell ref="G110:Y110"/>
    <mergeCell ref="W138:BN138"/>
    <mergeCell ref="H139:N139"/>
    <mergeCell ref="O139:V139"/>
    <mergeCell ref="W139:BN139"/>
    <mergeCell ref="E111:F111"/>
    <mergeCell ref="G111:Y111"/>
    <mergeCell ref="AJ111:AL111"/>
    <mergeCell ref="M131:BB132"/>
    <mergeCell ref="M133:BB134"/>
    <mergeCell ref="AO117:AR117"/>
    <mergeCell ref="M127:BB129"/>
    <mergeCell ref="O103:V103"/>
    <mergeCell ref="S104:V104"/>
    <mergeCell ref="W103:AD103"/>
    <mergeCell ref="AA104:AD104"/>
    <mergeCell ref="D94:E106"/>
    <mergeCell ref="G94:K94"/>
    <mergeCell ref="T94:Z94"/>
    <mergeCell ref="AI94:AO94"/>
    <mergeCell ref="H95:J95"/>
    <mergeCell ref="U95:Y95"/>
    <mergeCell ref="AJ95:AN95"/>
    <mergeCell ref="F97:I97"/>
    <mergeCell ref="AA99:AD99"/>
    <mergeCell ref="AI99:AL99"/>
    <mergeCell ref="S105:V105"/>
    <mergeCell ref="Q106:T106"/>
    <mergeCell ref="AA105:AD105"/>
    <mergeCell ref="T100:V100"/>
    <mergeCell ref="AB100:AD100"/>
    <mergeCell ref="F101:N102"/>
    <mergeCell ref="AG101:AJ101"/>
    <mergeCell ref="AO101:AR101"/>
    <mergeCell ref="S102:V102"/>
    <mergeCell ref="AA102:AD102"/>
    <mergeCell ref="AR92:AT92"/>
    <mergeCell ref="AW92:AY92"/>
    <mergeCell ref="BB92:BD92"/>
    <mergeCell ref="D93:N93"/>
    <mergeCell ref="O93:AD93"/>
    <mergeCell ref="AE93:AT93"/>
    <mergeCell ref="AU93:BJ93"/>
    <mergeCell ref="AG100:AJ100"/>
    <mergeCell ref="AO100:AR100"/>
    <mergeCell ref="AQ99:AT99"/>
    <mergeCell ref="AA88:AE89"/>
    <mergeCell ref="AF88:AJ89"/>
    <mergeCell ref="AK88:AO89"/>
    <mergeCell ref="AP88:AT89"/>
    <mergeCell ref="V87:Z87"/>
    <mergeCell ref="AA87:AE87"/>
    <mergeCell ref="AF87:AJ87"/>
    <mergeCell ref="AK87:AO87"/>
    <mergeCell ref="AP87:AT87"/>
    <mergeCell ref="V88:Z89"/>
    <mergeCell ref="AU87:AY87"/>
    <mergeCell ref="AZ87:BD87"/>
    <mergeCell ref="BE87:BI87"/>
    <mergeCell ref="BJ87:BN87"/>
    <mergeCell ref="V86:Z86"/>
    <mergeCell ref="AA86:AE86"/>
    <mergeCell ref="AF86:AJ86"/>
    <mergeCell ref="AK86:AO86"/>
    <mergeCell ref="AP86:AT86"/>
    <mergeCell ref="AU86:AY86"/>
    <mergeCell ref="AZ86:BD86"/>
    <mergeCell ref="BE86:BI86"/>
    <mergeCell ref="BJ86:BN86"/>
    <mergeCell ref="AZ84:BD84"/>
    <mergeCell ref="BE84:BI84"/>
    <mergeCell ref="BJ84:BN84"/>
    <mergeCell ref="V85:Z85"/>
    <mergeCell ref="AA85:AE85"/>
    <mergeCell ref="AF85:AJ85"/>
    <mergeCell ref="AK85:AO85"/>
    <mergeCell ref="AP85:AT85"/>
    <mergeCell ref="AU85:AY85"/>
    <mergeCell ref="AZ85:BD85"/>
    <mergeCell ref="V84:Z84"/>
    <mergeCell ref="AA84:AE84"/>
    <mergeCell ref="AF84:AJ84"/>
    <mergeCell ref="AK84:AO84"/>
    <mergeCell ref="AP84:AT84"/>
    <mergeCell ref="AU84:AY84"/>
    <mergeCell ref="BE85:BI85"/>
    <mergeCell ref="BJ85:BN85"/>
    <mergeCell ref="AP82:AT82"/>
    <mergeCell ref="AU82:AY82"/>
    <mergeCell ref="AZ82:BD82"/>
    <mergeCell ref="BE82:BI82"/>
    <mergeCell ref="BJ82:BN82"/>
    <mergeCell ref="V83:Z83"/>
    <mergeCell ref="AA83:AE83"/>
    <mergeCell ref="AF83:AJ83"/>
    <mergeCell ref="AK83:AO83"/>
    <mergeCell ref="AP83:AT83"/>
    <mergeCell ref="AU83:AY83"/>
    <mergeCell ref="AZ83:BD83"/>
    <mergeCell ref="BE83:BI83"/>
    <mergeCell ref="BJ83:BN83"/>
    <mergeCell ref="BJ79:BN79"/>
    <mergeCell ref="D80:L87"/>
    <mergeCell ref="V80:Z80"/>
    <mergeCell ref="AA80:AE80"/>
    <mergeCell ref="AF80:AJ80"/>
    <mergeCell ref="AK80:AO80"/>
    <mergeCell ref="AP80:AT80"/>
    <mergeCell ref="AU80:AY80"/>
    <mergeCell ref="AZ80:BD80"/>
    <mergeCell ref="BE80:BI80"/>
    <mergeCell ref="BJ80:BN80"/>
    <mergeCell ref="V81:Z81"/>
    <mergeCell ref="AA81:AE81"/>
    <mergeCell ref="AF81:AJ81"/>
    <mergeCell ref="AK81:AO81"/>
    <mergeCell ref="AP81:AT81"/>
    <mergeCell ref="AU81:AY81"/>
    <mergeCell ref="AZ81:BD81"/>
    <mergeCell ref="BE81:BI81"/>
    <mergeCell ref="BJ81:BN81"/>
    <mergeCell ref="V82:Z82"/>
    <mergeCell ref="AA82:AE82"/>
    <mergeCell ref="AF82:AJ82"/>
    <mergeCell ref="AK82:AO82"/>
    <mergeCell ref="D79:L79"/>
    <mergeCell ref="V79:Z79"/>
    <mergeCell ref="AA79:AE79"/>
    <mergeCell ref="AF79:AJ79"/>
    <mergeCell ref="AK79:AO79"/>
    <mergeCell ref="AP79:AT79"/>
    <mergeCell ref="AU79:AY79"/>
    <mergeCell ref="AZ79:BD79"/>
    <mergeCell ref="BE79:BI79"/>
    <mergeCell ref="BJ74:BN74"/>
    <mergeCell ref="V75:Z75"/>
    <mergeCell ref="AA75:AE75"/>
    <mergeCell ref="AF75:AJ75"/>
    <mergeCell ref="AK75:AO75"/>
    <mergeCell ref="AP75:AT75"/>
    <mergeCell ref="AU75:AY75"/>
    <mergeCell ref="AZ75:BD75"/>
    <mergeCell ref="BE75:BI75"/>
    <mergeCell ref="BJ75:BN75"/>
    <mergeCell ref="D74:U75"/>
    <mergeCell ref="V74:Z74"/>
    <mergeCell ref="AA74:AE74"/>
    <mergeCell ref="AF74:AJ74"/>
    <mergeCell ref="AK74:AO74"/>
    <mergeCell ref="AP74:AT74"/>
    <mergeCell ref="AU74:AY74"/>
    <mergeCell ref="AZ74:BD74"/>
    <mergeCell ref="BE74:BI74"/>
    <mergeCell ref="BE72:BI72"/>
    <mergeCell ref="BJ72:BN72"/>
    <mergeCell ref="V73:Z73"/>
    <mergeCell ref="AA73:AE73"/>
    <mergeCell ref="AF73:AJ73"/>
    <mergeCell ref="AK73:AO73"/>
    <mergeCell ref="AP73:AT73"/>
    <mergeCell ref="AU73:AY73"/>
    <mergeCell ref="AZ73:BD73"/>
    <mergeCell ref="BE73:BI73"/>
    <mergeCell ref="BJ73:BN73"/>
    <mergeCell ref="D72:H73"/>
    <mergeCell ref="I72:U73"/>
    <mergeCell ref="V72:Z72"/>
    <mergeCell ref="AA72:AE72"/>
    <mergeCell ref="AF72:AJ72"/>
    <mergeCell ref="AK72:AO72"/>
    <mergeCell ref="AP72:AT72"/>
    <mergeCell ref="AU72:AY72"/>
    <mergeCell ref="AZ72:BD72"/>
    <mergeCell ref="BE70:BI70"/>
    <mergeCell ref="BJ70:BN70"/>
    <mergeCell ref="V71:Z71"/>
    <mergeCell ref="AA71:AE71"/>
    <mergeCell ref="AF71:AJ71"/>
    <mergeCell ref="AK71:AO71"/>
    <mergeCell ref="AP71:AT71"/>
    <mergeCell ref="AU71:AY71"/>
    <mergeCell ref="AZ71:BD71"/>
    <mergeCell ref="BE71:BI71"/>
    <mergeCell ref="BJ71:BN71"/>
    <mergeCell ref="D70:H71"/>
    <mergeCell ref="I70:U71"/>
    <mergeCell ref="V70:Z70"/>
    <mergeCell ref="AA70:AE70"/>
    <mergeCell ref="AF70:AJ70"/>
    <mergeCell ref="AK70:AO70"/>
    <mergeCell ref="AP70:AT70"/>
    <mergeCell ref="AU70:AY70"/>
    <mergeCell ref="AZ70:BD70"/>
    <mergeCell ref="BE67:BI67"/>
    <mergeCell ref="BJ67:BN67"/>
    <mergeCell ref="D68:H69"/>
    <mergeCell ref="I68:U69"/>
    <mergeCell ref="V68:Z68"/>
    <mergeCell ref="AA68:AE68"/>
    <mergeCell ref="AF68:AJ68"/>
    <mergeCell ref="AK68:AO68"/>
    <mergeCell ref="AP68:AT68"/>
    <mergeCell ref="AU68:AY68"/>
    <mergeCell ref="AZ68:BD68"/>
    <mergeCell ref="BE68:BI68"/>
    <mergeCell ref="BJ68:BN68"/>
    <mergeCell ref="V69:Z69"/>
    <mergeCell ref="AA69:AE69"/>
    <mergeCell ref="AF69:AJ69"/>
    <mergeCell ref="AK69:AO69"/>
    <mergeCell ref="AP69:AT69"/>
    <mergeCell ref="AU69:AY69"/>
    <mergeCell ref="AZ69:BD69"/>
    <mergeCell ref="BE69:BI69"/>
    <mergeCell ref="BJ69:BN69"/>
    <mergeCell ref="AK65:AO65"/>
    <mergeCell ref="AP65:AT65"/>
    <mergeCell ref="AU65:AY65"/>
    <mergeCell ref="AZ65:BD65"/>
    <mergeCell ref="BE65:BI65"/>
    <mergeCell ref="BJ65:BN65"/>
    <mergeCell ref="D66:H67"/>
    <mergeCell ref="I66:U67"/>
    <mergeCell ref="V66:Z66"/>
    <mergeCell ref="AA66:AE66"/>
    <mergeCell ref="AF66:AJ66"/>
    <mergeCell ref="AK66:AO66"/>
    <mergeCell ref="AP66:AT66"/>
    <mergeCell ref="AU66:AY66"/>
    <mergeCell ref="AZ66:BD66"/>
    <mergeCell ref="BE66:BI66"/>
    <mergeCell ref="BJ66:BN66"/>
    <mergeCell ref="V67:Z67"/>
    <mergeCell ref="AA67:AE67"/>
    <mergeCell ref="AF67:AJ67"/>
    <mergeCell ref="AK67:AO67"/>
    <mergeCell ref="AP67:AT67"/>
    <mergeCell ref="AU67:AY67"/>
    <mergeCell ref="AZ67:BD67"/>
    <mergeCell ref="AU63:AY63"/>
    <mergeCell ref="AZ63:BD63"/>
    <mergeCell ref="BE63:BI63"/>
    <mergeCell ref="BJ63:BN63"/>
    <mergeCell ref="D64:H65"/>
    <mergeCell ref="I64:U65"/>
    <mergeCell ref="V64:Z64"/>
    <mergeCell ref="AA64:AE64"/>
    <mergeCell ref="AF64:AJ64"/>
    <mergeCell ref="AK64:AO64"/>
    <mergeCell ref="D63:U63"/>
    <mergeCell ref="V63:Z63"/>
    <mergeCell ref="AA63:AE63"/>
    <mergeCell ref="AF63:AJ63"/>
    <mergeCell ref="AK63:AO63"/>
    <mergeCell ref="AP63:AT63"/>
    <mergeCell ref="AP64:AT64"/>
    <mergeCell ref="AU64:AY64"/>
    <mergeCell ref="AZ64:BD64"/>
    <mergeCell ref="BE64:BI64"/>
    <mergeCell ref="BJ64:BN64"/>
    <mergeCell ref="V65:Z65"/>
    <mergeCell ref="AA65:AE65"/>
    <mergeCell ref="AF65:AJ65"/>
    <mergeCell ref="AV62:AX62"/>
    <mergeCell ref="BA62:BC62"/>
    <mergeCell ref="BF62:BH62"/>
    <mergeCell ref="AI54:AN54"/>
    <mergeCell ref="AO54:AT54"/>
    <mergeCell ref="AU54:BA54"/>
    <mergeCell ref="BB54:BG54"/>
    <mergeCell ref="AF50:AK51"/>
    <mergeCell ref="AL50:AM51"/>
    <mergeCell ref="AN50:AU51"/>
    <mergeCell ref="AV50:AW51"/>
    <mergeCell ref="AC54:AH54"/>
    <mergeCell ref="AU58:BA58"/>
    <mergeCell ref="BB58:BG58"/>
    <mergeCell ref="BH58:BM58"/>
    <mergeCell ref="BH54:BM54"/>
    <mergeCell ref="AO56:AT56"/>
    <mergeCell ref="AU56:BA56"/>
    <mergeCell ref="BB56:BG56"/>
    <mergeCell ref="BH56:BM56"/>
    <mergeCell ref="AO58:AT58"/>
    <mergeCell ref="AV48:AW49"/>
    <mergeCell ref="AZ48:BG48"/>
    <mergeCell ref="BB49:BH49"/>
    <mergeCell ref="H50:M51"/>
    <mergeCell ref="N50:T51"/>
    <mergeCell ref="U50:V51"/>
    <mergeCell ref="W50:AC51"/>
    <mergeCell ref="AD50:AE51"/>
    <mergeCell ref="H48:M49"/>
    <mergeCell ref="N48:T49"/>
    <mergeCell ref="U48:V49"/>
    <mergeCell ref="W48:AC49"/>
    <mergeCell ref="AD48:AE49"/>
    <mergeCell ref="AF48:AK49"/>
    <mergeCell ref="AL48:AM49"/>
    <mergeCell ref="AN48:AU49"/>
    <mergeCell ref="AV46:AW47"/>
    <mergeCell ref="AL44:AM45"/>
    <mergeCell ref="AN44:AU45"/>
    <mergeCell ref="AV44:AW45"/>
    <mergeCell ref="H46:M47"/>
    <mergeCell ref="N46:T47"/>
    <mergeCell ref="U46:V47"/>
    <mergeCell ref="W46:AC47"/>
    <mergeCell ref="AD46:AE47"/>
    <mergeCell ref="H44:M45"/>
    <mergeCell ref="N44:T45"/>
    <mergeCell ref="U44:V45"/>
    <mergeCell ref="W44:AC45"/>
    <mergeCell ref="AD44:AE45"/>
    <mergeCell ref="AF44:AK45"/>
    <mergeCell ref="AF46:AK47"/>
    <mergeCell ref="AL46:AM47"/>
    <mergeCell ref="AN46:AU47"/>
    <mergeCell ref="AV42:AW43"/>
    <mergeCell ref="AF40:AK41"/>
    <mergeCell ref="AL40:AM41"/>
    <mergeCell ref="AN40:AU41"/>
    <mergeCell ref="AV40:AW41"/>
    <mergeCell ref="BB41:BH41"/>
    <mergeCell ref="H42:M43"/>
    <mergeCell ref="N42:T43"/>
    <mergeCell ref="U42:V43"/>
    <mergeCell ref="W42:AC43"/>
    <mergeCell ref="AD42:AE43"/>
    <mergeCell ref="AF42:AK43"/>
    <mergeCell ref="AL42:AM43"/>
    <mergeCell ref="AN42:AU43"/>
    <mergeCell ref="U40:V41"/>
    <mergeCell ref="W40:AC41"/>
    <mergeCell ref="AD40:AE41"/>
    <mergeCell ref="AF36:AK37"/>
    <mergeCell ref="AL36:AM37"/>
    <mergeCell ref="AN36:AU37"/>
    <mergeCell ref="AV36:AW37"/>
    <mergeCell ref="BB37:BH37"/>
    <mergeCell ref="H38:M39"/>
    <mergeCell ref="N38:T39"/>
    <mergeCell ref="U38:V39"/>
    <mergeCell ref="W38:AC39"/>
    <mergeCell ref="AD38:AE39"/>
    <mergeCell ref="AF38:AK39"/>
    <mergeCell ref="AL38:AM39"/>
    <mergeCell ref="AN38:AU39"/>
    <mergeCell ref="BC27:BJ29"/>
    <mergeCell ref="X29:AC29"/>
    <mergeCell ref="E30:F30"/>
    <mergeCell ref="G30:R30"/>
    <mergeCell ref="D34:G51"/>
    <mergeCell ref="H34:M35"/>
    <mergeCell ref="N34:V34"/>
    <mergeCell ref="W34:AE34"/>
    <mergeCell ref="AF34:AM34"/>
    <mergeCell ref="AP34:AU34"/>
    <mergeCell ref="AX34:BJ35"/>
    <mergeCell ref="N35:V35"/>
    <mergeCell ref="W35:AE35"/>
    <mergeCell ref="AF35:AM35"/>
    <mergeCell ref="AN35:AW35"/>
    <mergeCell ref="H36:M37"/>
    <mergeCell ref="N36:T37"/>
    <mergeCell ref="U36:V37"/>
    <mergeCell ref="W36:AC37"/>
    <mergeCell ref="AD36:AE37"/>
    <mergeCell ref="AV38:AW39"/>
    <mergeCell ref="BB39:BH39"/>
    <mergeCell ref="H40:M41"/>
    <mergeCell ref="N40:T41"/>
    <mergeCell ref="E24:F24"/>
    <mergeCell ref="G24:R25"/>
    <mergeCell ref="BC24:BJ26"/>
    <mergeCell ref="E25:F25"/>
    <mergeCell ref="E26:F26"/>
    <mergeCell ref="G26:R26"/>
    <mergeCell ref="AI23:AJ23"/>
    <mergeCell ref="AL23:AM23"/>
    <mergeCell ref="AN23:AO23"/>
    <mergeCell ref="AP23:AQ23"/>
    <mergeCell ref="AS23:AT23"/>
    <mergeCell ref="AW23:BJ23"/>
    <mergeCell ref="H23:S23"/>
    <mergeCell ref="U23:V23"/>
    <mergeCell ref="X23:Y23"/>
    <mergeCell ref="Z23:AA23"/>
    <mergeCell ref="AB23:AC23"/>
    <mergeCell ref="AE23:AF23"/>
    <mergeCell ref="AI22:AJ22"/>
    <mergeCell ref="AL22:AM22"/>
    <mergeCell ref="AN22:AO22"/>
    <mergeCell ref="AP22:AQ22"/>
    <mergeCell ref="AS22:AT22"/>
    <mergeCell ref="AW22:BJ22"/>
    <mergeCell ref="H22:S22"/>
    <mergeCell ref="U22:V22"/>
    <mergeCell ref="X22:Y22"/>
    <mergeCell ref="Z22:AA22"/>
    <mergeCell ref="AB22:AC22"/>
    <mergeCell ref="AE22:AF22"/>
    <mergeCell ref="AP21:AQ21"/>
    <mergeCell ref="AS21:AT21"/>
    <mergeCell ref="AW21:BJ21"/>
    <mergeCell ref="H21:S21"/>
    <mergeCell ref="U21:V21"/>
    <mergeCell ref="X21:Y21"/>
    <mergeCell ref="Z21:AA21"/>
    <mergeCell ref="AB21:AC21"/>
    <mergeCell ref="AE21:AF21"/>
    <mergeCell ref="T8:V8"/>
    <mergeCell ref="AP8:AR8"/>
    <mergeCell ref="T9:Z10"/>
    <mergeCell ref="AG19:AP19"/>
    <mergeCell ref="AQ19:AW19"/>
    <mergeCell ref="E20:F20"/>
    <mergeCell ref="G20:R20"/>
    <mergeCell ref="T20:AG20"/>
    <mergeCell ref="AH20:AV20"/>
    <mergeCell ref="AW20:BJ20"/>
    <mergeCell ref="AH17:AJ17"/>
    <mergeCell ref="AR17:BJ17"/>
    <mergeCell ref="U18:V19"/>
    <mergeCell ref="W18:AF18"/>
    <mergeCell ref="AG18:AL18"/>
    <mergeCell ref="AM18:AV18"/>
    <mergeCell ref="BA18:BB18"/>
    <mergeCell ref="BH18:BI19"/>
    <mergeCell ref="U17:W17"/>
    <mergeCell ref="X17:Z17"/>
    <mergeCell ref="AC17:AE17"/>
    <mergeCell ref="AA9:AL10"/>
    <mergeCell ref="AM9:AN10"/>
    <mergeCell ref="AO9:AV10"/>
    <mergeCell ref="A1:BN1"/>
    <mergeCell ref="A3:BK3"/>
    <mergeCell ref="AR4:AT4"/>
    <mergeCell ref="AW4:AY4"/>
    <mergeCell ref="BB4:BD4"/>
    <mergeCell ref="E5:F5"/>
    <mergeCell ref="G5:R5"/>
    <mergeCell ref="T5:BJ5"/>
    <mergeCell ref="E6:F6"/>
    <mergeCell ref="G6:R6"/>
    <mergeCell ref="AV6:AX6"/>
    <mergeCell ref="AY6:BJ6"/>
    <mergeCell ref="T6:V6"/>
    <mergeCell ref="AW9:AX10"/>
    <mergeCell ref="AY9:BB9"/>
    <mergeCell ref="BC9:BJ9"/>
    <mergeCell ref="AY10:BB10"/>
    <mergeCell ref="BC10:BJ10"/>
    <mergeCell ref="E11:F11"/>
    <mergeCell ref="G11:R11"/>
    <mergeCell ref="E12:F12"/>
    <mergeCell ref="G12:R12"/>
    <mergeCell ref="T12:BJ12"/>
    <mergeCell ref="AP15:AU15"/>
    <mergeCell ref="AV15:BJ15"/>
    <mergeCell ref="E16:F16"/>
    <mergeCell ref="G16:R16"/>
    <mergeCell ref="T16:AU16"/>
    <mergeCell ref="AV16:AX16"/>
    <mergeCell ref="AY16:BJ16"/>
    <mergeCell ref="E13:F13"/>
    <mergeCell ref="G13:R13"/>
    <mergeCell ref="T13:AU13"/>
    <mergeCell ref="AV13:AX13"/>
    <mergeCell ref="AY13:BJ13"/>
    <mergeCell ref="E14:F14"/>
    <mergeCell ref="G14:R14"/>
    <mergeCell ref="T14:Y14"/>
    <mergeCell ref="Z14:AO14"/>
    <mergeCell ref="AP14:AU14"/>
    <mergeCell ref="AV14:BJ14"/>
    <mergeCell ref="G18:R18"/>
    <mergeCell ref="E17:F17"/>
    <mergeCell ref="G17:R17"/>
    <mergeCell ref="E18:F18"/>
    <mergeCell ref="AI21:AJ21"/>
    <mergeCell ref="AL21:AM21"/>
    <mergeCell ref="E15:F15"/>
    <mergeCell ref="G15:R15"/>
    <mergeCell ref="T15:Y15"/>
    <mergeCell ref="Z15:AO15"/>
    <mergeCell ref="AN21:AO21"/>
  </mergeCells>
  <phoneticPr fontId="1"/>
  <pageMargins left="0.35433070866141736" right="0.19685039370078741" top="0.39370078740157483" bottom="0.23622047244094491" header="0" footer="0.15748031496062992"/>
  <pageSetup paperSize="9" scale="90" orientation="portrait" cellComments="asDisplayed" r:id="rId1"/>
  <headerFooter alignWithMargins="0"/>
  <rowBreaks count="9" manualBreakCount="9">
    <brk id="32" max="65" man="1"/>
    <brk id="77" max="65" man="1"/>
    <brk id="109" max="65" man="1"/>
    <brk id="158" max="65" man="1"/>
    <brk id="200" max="65" man="1"/>
    <brk id="238" max="65" man="1"/>
    <brk id="273" max="65" man="1"/>
    <brk id="308" max="65" man="1"/>
    <brk id="334" max="65"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4E67300FD87EDD4E8E7BD16BB201319B" ma:contentTypeVersion="0" ma:contentTypeDescription="新しいドキュメントを作成します。" ma:contentTypeScope="" ma:versionID="53ea1a30af54061f49e98131f6666ed7">
  <xsd:schema xmlns:xsd="http://www.w3.org/2001/XMLSchema" xmlns:p="http://schemas.microsoft.com/office/2006/metadata/properties" targetNamespace="http://schemas.microsoft.com/office/2006/metadata/properties" ma:root="true" ma:fieldsID="f4cff559f9a06213828a8956bc5bb22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79DE105-85F2-49A3-810E-F0DC0D2DB918}">
  <ds:schemaRefs>
    <ds:schemaRef ds:uri="http://purl.org/dc/terms/"/>
    <ds:schemaRef ds:uri="http://schemas.openxmlformats.org/package/2006/metadata/core-properties"/>
    <ds:schemaRef ds:uri="http://schemas.microsoft.com/office/2006/documentManagement/types"/>
    <ds:schemaRef ds:uri="http://schemas.microsoft.com/office/2006/metadata/properties"/>
    <ds:schemaRef ds:uri="http://purl.org/dc/dcmitype/"/>
    <ds:schemaRef ds:uri="http://www.w3.org/XML/1998/namespace"/>
    <ds:schemaRef ds:uri="http://purl.org/dc/elements/1.1/"/>
    <ds:schemaRef ds:uri="http://schemas.microsoft.com/office/infopath/2007/PartnerControls"/>
  </ds:schemaRefs>
</ds:datastoreItem>
</file>

<file path=customXml/itemProps2.xml><?xml version="1.0" encoding="utf-8"?>
<ds:datastoreItem xmlns:ds="http://schemas.openxmlformats.org/officeDocument/2006/customXml" ds:itemID="{6D93C2AB-24AD-4633-8158-0CDC932BCD9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4FA1AD8F-2C1A-4CA6-A925-B4EBE2117B9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5 報告徴収（施設型） (新)</vt:lpstr>
      <vt:lpstr>'5 報告徴収（施設型） (新)'!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本省</dc:creator>
  <cp:lastModifiedBy>user</cp:lastModifiedBy>
  <cp:lastPrinted>2022-03-30T01:41:34Z</cp:lastPrinted>
  <dcterms:created xsi:type="dcterms:W3CDTF">2005-03-28T07:13:13Z</dcterms:created>
  <dcterms:modified xsi:type="dcterms:W3CDTF">2022-04-05T00:14:05Z</dcterms:modified>
</cp:coreProperties>
</file>